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fp.idir.bcgov\s120\S2008\_MCFD Shared Information\_Ministry Wide Share\CLBC Start-Up\PN\CLBC SP Internet\"/>
    </mc:Choice>
  </mc:AlternateContent>
  <xr:revisionPtr revIDLastSave="0" documentId="8_{3F491BFF-2DCF-4E00-A03F-BEFCD6526132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Header" sheetId="1" r:id="rId1"/>
    <sheet name="Staffing Schedule" sheetId="2" r:id="rId2"/>
    <sheet name="Funding" sheetId="3" r:id="rId3"/>
    <sheet name="Wage &amp; Benefit Calc." sheetId="4" r:id="rId4"/>
    <sheet name="Misc. Rates" sheetId="5" r:id="rId5"/>
  </sheets>
  <calcPr calcId="0"/>
</workbook>
</file>

<file path=xl/sharedStrings.xml><?xml version="1.0" encoding="utf-8"?>
<sst xmlns="http://schemas.openxmlformats.org/spreadsheetml/2006/main" count="875" uniqueCount="294">
  <si>
    <t>Incremental Non Union Draft Program Budget - Header</t>
  </si>
  <si>
    <t/>
  </si>
  <si>
    <t>Vendor</t>
  </si>
  <si>
    <t>Vendor Name:</t>
  </si>
  <si>
    <t>Vendor Test 4</t>
  </si>
  <si>
    <t>OCG Number :</t>
  </si>
  <si>
    <t>000829</t>
  </si>
  <si>
    <t>Primary Address :</t>
  </si>
  <si>
    <t>123 Main Street LANGLEY V2Z 1A8</t>
  </si>
  <si>
    <t>Managing QS Area :</t>
  </si>
  <si>
    <t>Upper Fraser QS Area</t>
  </si>
  <si>
    <t>Employer Association :</t>
  </si>
  <si>
    <t>None</t>
  </si>
  <si>
    <t>Vendor Role :</t>
  </si>
  <si>
    <t>Service Provider</t>
  </si>
  <si>
    <t>Negotiations</t>
  </si>
  <si>
    <t>Program Name :</t>
  </si>
  <si>
    <t>M2V1</t>
  </si>
  <si>
    <t>Service Subcategory :</t>
  </si>
  <si>
    <t>Community-Based</t>
  </si>
  <si>
    <t>Managing QS Area :</t>
  </si>
  <si>
    <t>Upper Fraser</t>
  </si>
  <si>
    <t>Payment Type :</t>
  </si>
  <si>
    <t>Fixed</t>
  </si>
  <si>
    <t>Direct Worker Union Wage Grid :</t>
  </si>
  <si>
    <t>01-Apr-2022</t>
  </si>
  <si>
    <t>Description :</t>
  </si>
  <si>
    <t>Supervisor Union Wage Grid :</t>
  </si>
  <si>
    <t>Start Date :</t>
  </si>
  <si>
    <t>End Date :</t>
  </si>
  <si>
    <t>Funded Capacity :</t>
  </si>
  <si>
    <t>Days Closed per Year :</t>
  </si>
  <si>
    <t>Funded Capacity       Incremental Change :</t>
  </si>
  <si>
    <t>Vendor Details</t>
  </si>
  <si>
    <t>MPP Contribution % :</t>
  </si>
  <si>
    <t>12.5 %</t>
  </si>
  <si>
    <t>FTE Hours/Week :</t>
  </si>
  <si>
    <t>37.5</t>
  </si>
  <si>
    <t>MPP Participation % :</t>
  </si>
  <si>
    <t>91 %</t>
  </si>
  <si>
    <t>Administration % :</t>
  </si>
  <si>
    <t>9 %</t>
  </si>
  <si>
    <t>LTD % :</t>
  </si>
  <si>
    <t>4.1 %</t>
  </si>
  <si>
    <t>RRSP % :</t>
  </si>
  <si>
    <t>Paid Time/Premiums</t>
  </si>
  <si>
    <t>Benefits</t>
  </si>
  <si>
    <t>Vacation :</t>
  </si>
  <si>
    <t>12</t>
  </si>
  <si>
    <t>CPP % :</t>
  </si>
  <si>
    <t>3 %</t>
  </si>
  <si>
    <t>Education &amp; Training :</t>
  </si>
  <si>
    <t>3</t>
  </si>
  <si>
    <t>EI % :</t>
  </si>
  <si>
    <t>2 %</t>
  </si>
  <si>
    <t>Statuary Holidays :</t>
  </si>
  <si>
    <t>11</t>
  </si>
  <si>
    <t>WorkSafeBC (Residential) % :</t>
  </si>
  <si>
    <t>1.95 %</t>
  </si>
  <si>
    <t>Sick :</t>
  </si>
  <si>
    <t>5</t>
  </si>
  <si>
    <t>WorkSafeBC (Non-Residential) % :</t>
  </si>
  <si>
    <t>1.4 %</t>
  </si>
  <si>
    <t>Sick Pay % :</t>
  </si>
  <si>
    <t>75 %</t>
  </si>
  <si>
    <t>EHT % :</t>
  </si>
  <si>
    <t>1.3 %</t>
  </si>
  <si>
    <t>Overtime :</t>
  </si>
  <si>
    <t>4</t>
  </si>
  <si>
    <t>EHC, Dental, Life, and AD&amp;D % :</t>
  </si>
  <si>
    <t>4 %</t>
  </si>
  <si>
    <t>In Lieu Pay For Casual Staff % :</t>
  </si>
  <si>
    <t>4.5 %</t>
  </si>
  <si>
    <t>Other</t>
  </si>
  <si>
    <t>CLBC Comments :</t>
  </si>
  <si>
    <t>Vendor Comments :</t>
  </si>
  <si>
    <t>Incremental Non Union Draft Program Budget - Staffing Schedule</t>
  </si>
  <si>
    <t>Supervisor</t>
  </si>
  <si>
    <t>Position #</t>
  </si>
  <si>
    <t>Job Title</t>
  </si>
  <si>
    <t>CSSEA Job Equivalent</t>
  </si>
  <si>
    <t>Actual Hourly Wage Rate</t>
  </si>
  <si>
    <t>Weekly Supervisory Hours Per Week</t>
  </si>
  <si>
    <t>Additional Supervisory Hours for the Year</t>
  </si>
  <si>
    <t>Total Supervisory Hours Per Week</t>
  </si>
  <si>
    <t>FTE</t>
  </si>
  <si>
    <t>Backfill %</t>
  </si>
  <si>
    <t>Total "Weekly" Hours for Supervisor</t>
  </si>
  <si>
    <t>Total "Annual" Hours for Supervisor</t>
  </si>
  <si>
    <t>Super</t>
  </si>
  <si>
    <t>Program Coordinator 2</t>
  </si>
  <si>
    <t>Direct Staff</t>
  </si>
  <si>
    <t>Daily / Weekly Service Level Hours per Week</t>
  </si>
  <si>
    <t>Additional    Service Level Hours for the Year</t>
  </si>
  <si>
    <t>Gross Fixed  Service Level Hours per Week</t>
  </si>
  <si>
    <t>Net Fixed      Service Level Hours per Week</t>
  </si>
  <si>
    <t>Service on Stat Holidays</t>
  </si>
  <si>
    <t>Total "Weekly" Service Hours for Direct Staff</t>
  </si>
  <si>
    <t>Total "Annual" Service Hours for Direct Staff</t>
  </si>
  <si>
    <t>Staff 1</t>
  </si>
  <si>
    <t>Community Support Worker</t>
  </si>
  <si>
    <t>No</t>
  </si>
  <si>
    <t>Staff 2</t>
  </si>
  <si>
    <t>Change to Service Level Hours</t>
  </si>
  <si>
    <t>Base Budget Weekly Gross Service Level Hours Total :</t>
  </si>
  <si>
    <t>Total Incremental Changes :</t>
  </si>
  <si>
    <t>Resulting Weekly Gross Service level Hours Total :</t>
  </si>
  <si>
    <t>Change to Supervisory Hours</t>
  </si>
  <si>
    <t>Base Budget Weekly Supervisory Hours Total :</t>
  </si>
  <si>
    <t>Resulting Weekly Gross Supervisory Hours Total :</t>
  </si>
  <si>
    <t>Incremental Non Union Draft Program Budget - Funding</t>
  </si>
  <si>
    <t>Costs</t>
  </si>
  <si>
    <t>Line #</t>
  </si>
  <si>
    <t>Wages and Benefits</t>
  </si>
  <si>
    <t>Monthly Cost</t>
  </si>
  <si>
    <t>Annual Cost</t>
  </si>
  <si>
    <t>Base</t>
  </si>
  <si>
    <t>Increment</t>
  </si>
  <si>
    <t>Resulting</t>
  </si>
  <si>
    <t>% of Budget</t>
  </si>
  <si>
    <t>1</t>
  </si>
  <si>
    <t>Direct Staff Wages</t>
  </si>
  <si>
    <t>2</t>
  </si>
  <si>
    <t>Direct Staff Basic Benefits</t>
  </si>
  <si>
    <t>Direct Staff MPP</t>
  </si>
  <si>
    <t>Direct Staff RRSP</t>
  </si>
  <si>
    <t>Direct Staff LTD</t>
  </si>
  <si>
    <t>6</t>
  </si>
  <si>
    <t>Backfill Wages</t>
  </si>
  <si>
    <t>7</t>
  </si>
  <si>
    <t>Backfill Benefits</t>
  </si>
  <si>
    <t>8</t>
  </si>
  <si>
    <t>Backfill MPP</t>
  </si>
  <si>
    <t>9</t>
  </si>
  <si>
    <t>Backfill RRSP</t>
  </si>
  <si>
    <t>10</t>
  </si>
  <si>
    <t>Supervisor Wages</t>
  </si>
  <si>
    <t>Supervisor Basic Benefits</t>
  </si>
  <si>
    <t>Supervisor MPP</t>
  </si>
  <si>
    <t>13</t>
  </si>
  <si>
    <t>Supervisor RRSP</t>
  </si>
  <si>
    <t>14</t>
  </si>
  <si>
    <t>Supervisor LTD</t>
  </si>
  <si>
    <t>15</t>
  </si>
  <si>
    <t>Supervisor Backfill Wages</t>
  </si>
  <si>
    <t>16</t>
  </si>
  <si>
    <t>Supervisor Backfill Benefits</t>
  </si>
  <si>
    <t>17</t>
  </si>
  <si>
    <t>Supervisor Backfill MPP</t>
  </si>
  <si>
    <t>18</t>
  </si>
  <si>
    <t>Supervisor Backfill RRSP</t>
  </si>
  <si>
    <t>19</t>
  </si>
  <si>
    <t>Subtotal Regular Wages &amp; Benefits</t>
  </si>
  <si>
    <t>20</t>
  </si>
  <si>
    <t>Subcontractor Wages</t>
  </si>
  <si>
    <t>21</t>
  </si>
  <si>
    <t>Other -</t>
  </si>
  <si>
    <t>22</t>
  </si>
  <si>
    <t>Subtotal Total Wages &amp; Benefits</t>
  </si>
  <si>
    <t>Direct Program Costs</t>
  </si>
  <si>
    <t>23</t>
  </si>
  <si>
    <t>Food</t>
  </si>
  <si>
    <t>24</t>
  </si>
  <si>
    <t>Medical Benefits</t>
  </si>
  <si>
    <t>25</t>
  </si>
  <si>
    <t>Staff Training / Education</t>
  </si>
  <si>
    <t>26</t>
  </si>
  <si>
    <t>Telephone</t>
  </si>
  <si>
    <t>27</t>
  </si>
  <si>
    <t>Cellular phone / pager</t>
  </si>
  <si>
    <t>28</t>
  </si>
  <si>
    <t>Cable</t>
  </si>
  <si>
    <t>29</t>
  </si>
  <si>
    <t>Internet</t>
  </si>
  <si>
    <t>30</t>
  </si>
  <si>
    <t>Mileage</t>
  </si>
  <si>
    <t>31</t>
  </si>
  <si>
    <t>Vehicle Gas</t>
  </si>
  <si>
    <t>32</t>
  </si>
  <si>
    <t>Vehicle repairs / maintenance</t>
  </si>
  <si>
    <t>33</t>
  </si>
  <si>
    <t>Vehicle insurance</t>
  </si>
  <si>
    <t>34</t>
  </si>
  <si>
    <t>Recreation</t>
  </si>
  <si>
    <t>35</t>
  </si>
  <si>
    <t>Program Supplies &amp; Emergency Materials</t>
  </si>
  <si>
    <t>36</t>
  </si>
  <si>
    <t>37</t>
  </si>
  <si>
    <t>38</t>
  </si>
  <si>
    <t>39</t>
  </si>
  <si>
    <t>40</t>
  </si>
  <si>
    <t>Subtotal Direct Program Costs</t>
  </si>
  <si>
    <t>Total Labour and Direct Program Costs</t>
  </si>
  <si>
    <t>Administration</t>
  </si>
  <si>
    <t>41</t>
  </si>
  <si>
    <t>Administration - 9.0000 %</t>
  </si>
  <si>
    <t>Subtotal Administration</t>
  </si>
  <si>
    <t>Facilities</t>
  </si>
  <si>
    <t>42</t>
  </si>
  <si>
    <t>Facility Type:</t>
  </si>
  <si>
    <t>43</t>
  </si>
  <si>
    <t>Fair Market Rent - for "owned" properties</t>
  </si>
  <si>
    <t>44</t>
  </si>
  <si>
    <t>Arms-length Rent - for "rented" properties</t>
  </si>
  <si>
    <t>45</t>
  </si>
  <si>
    <t>Rent or Lease payments</t>
  </si>
  <si>
    <t>46</t>
  </si>
  <si>
    <t>Mortgage payments</t>
  </si>
  <si>
    <t>47</t>
  </si>
  <si>
    <t>Property Taxes - owned properties</t>
  </si>
  <si>
    <t>48</t>
  </si>
  <si>
    <t>Major Appliances - owned properties (generally)</t>
  </si>
  <si>
    <t>49</t>
  </si>
  <si>
    <t>Utilities - owned or rented properties</t>
  </si>
  <si>
    <t>50</t>
  </si>
  <si>
    <t>Repairs &amp; Maintenance - owned or rented properties</t>
  </si>
  <si>
    <t>51</t>
  </si>
  <si>
    <t>Janitorial Supplies - owned or rented properties</t>
  </si>
  <si>
    <t>52</t>
  </si>
  <si>
    <t>Property Insurance - e.g. fire, earthquake, etc - owned or rented properties</t>
  </si>
  <si>
    <t>53</t>
  </si>
  <si>
    <t>54</t>
  </si>
  <si>
    <t>55</t>
  </si>
  <si>
    <t>56</t>
  </si>
  <si>
    <t>Total Facilities Costs</t>
  </si>
  <si>
    <t>57</t>
  </si>
  <si>
    <t>58</t>
  </si>
  <si>
    <t>Total Other Costs</t>
  </si>
  <si>
    <t>Total Costs</t>
  </si>
  <si>
    <t>Non-CLBC Funding Sources</t>
  </si>
  <si>
    <t>% of Total Funding</t>
  </si>
  <si>
    <t>59</t>
  </si>
  <si>
    <t>Persons with Disabilities (PWD) - under age 65</t>
  </si>
  <si>
    <t>60</t>
  </si>
  <si>
    <t>Old Age Security / Guaranteed Income Supplement (OAS/GIS) - age 65 and over</t>
  </si>
  <si>
    <t>61</t>
  </si>
  <si>
    <t>Transportation Allowance</t>
  </si>
  <si>
    <t>62</t>
  </si>
  <si>
    <t>BC Housing Management Commission (BCHMC) Subsidies</t>
  </si>
  <si>
    <t>63</t>
  </si>
  <si>
    <t>GST/HST Rebate</t>
  </si>
  <si>
    <t>64</t>
  </si>
  <si>
    <t>65</t>
  </si>
  <si>
    <t>66</t>
  </si>
  <si>
    <t>Total Non-CLBC Funding</t>
  </si>
  <si>
    <t>Total Funding Requested from CLBC</t>
  </si>
  <si>
    <t>FGT (Gap) Premium</t>
  </si>
  <si>
    <t>67</t>
  </si>
  <si>
    <t>68</t>
  </si>
  <si>
    <t>69</t>
  </si>
  <si>
    <t>70</t>
  </si>
  <si>
    <t>71</t>
  </si>
  <si>
    <t>New FGT (Gap) Premium</t>
  </si>
  <si>
    <t>Summary (CLBC use only)</t>
  </si>
  <si>
    <t>72</t>
  </si>
  <si>
    <t>Medical Benefits per Line #24 above (including administration)</t>
  </si>
  <si>
    <t>73</t>
  </si>
  <si>
    <t>Funding for Services (excluding medical benefits)</t>
  </si>
  <si>
    <t>74</t>
  </si>
  <si>
    <t>Total Funding provided by CLBC</t>
  </si>
  <si>
    <t>Incremental Non Union Draft Program Budget - Wage &amp; Benefit Calc.</t>
  </si>
  <si>
    <t>Supervisor Wage and Benefit Calculation</t>
  </si>
  <si>
    <t>Wages</t>
  </si>
  <si>
    <t>Basic Benefits</t>
  </si>
  <si>
    <t>LTD</t>
  </si>
  <si>
    <t>Backfill - Wages</t>
  </si>
  <si>
    <t>Backfill - Benefits</t>
  </si>
  <si>
    <t>MPP</t>
  </si>
  <si>
    <t>RRSP</t>
  </si>
  <si>
    <t>Total</t>
  </si>
  <si>
    <t>Paid Hours/ week</t>
  </si>
  <si>
    <t>Hourly Rate</t>
  </si>
  <si>
    <t>Benefit  %</t>
  </si>
  <si>
    <t>LTD %</t>
  </si>
  <si>
    <t>Backfill Wages %</t>
  </si>
  <si>
    <t>Backfill Benefits %</t>
  </si>
  <si>
    <t>MPP %</t>
  </si>
  <si>
    <t>RRSP %</t>
  </si>
  <si>
    <t>Supervisor Subtotal</t>
  </si>
  <si>
    <t>Direct Staffing Wage and Benefit Calculation</t>
  </si>
  <si>
    <t>Direct Staff Subtotal</t>
  </si>
  <si>
    <t>Total Wages and Benefits</t>
  </si>
  <si>
    <t>Incremental Non Union Draft Program Budget - Misc. Rates</t>
  </si>
  <si>
    <t>Utilized Rate</t>
  </si>
  <si>
    <t>Monthly Labour Cost with Associated Admin</t>
  </si>
  <si>
    <t>Monthly Net Service Level Hours</t>
  </si>
  <si>
    <t>Utilized Rate per Hour</t>
  </si>
  <si>
    <t>Divided by</t>
  </si>
  <si>
    <t>Equals</t>
  </si>
  <si>
    <t>Recovery rate (Fixed Only)</t>
  </si>
  <si>
    <t>Monthly Diredt Staff Wages &amp; Benefits</t>
  </si>
  <si>
    <t>Monthly Backfill Wages &amp; Benefits</t>
  </si>
  <si>
    <t>Recovery Rate per Hour</t>
  </si>
  <si>
    <t>Ad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164" formatCode="[$-1011009]General"/>
    <numFmt numFmtId="165" formatCode="[$-1011009]dd\-mmm\-yyyy"/>
    <numFmt numFmtId="166" formatCode="[$-1011009]&quot;d&quot;&quot;d&quot;\-&quot;M&quot;&quot;M&quot;&quot;M&quot;\-&quot;y&quot;&quot;y&quot;&quot;y&quot;&quot;y&quot;"/>
    <numFmt numFmtId="167" formatCode="[$-1011009]#,##0.00;\-#,##0.00"/>
    <numFmt numFmtId="168" formatCode="[$-1011009]#,##0.00%"/>
    <numFmt numFmtId="169" formatCode="[$-1011009]&quot;$&quot;#,##0.0000;\-&quot;$&quot;#,##0.0000"/>
    <numFmt numFmtId="170" formatCode="[$-1011009]#,##0.0000%"/>
    <numFmt numFmtId="171" formatCode="[$-1011009]&quot;$&quot;#,##0.00;\-&quot;$&quot;#,##0.00"/>
    <numFmt numFmtId="172" formatCode="[$-1011009]#,##0.0000;\-#,##0.0000"/>
    <numFmt numFmtId="173" formatCode="[$-1011009]#,##0.00000000;\-#,##0.00000000"/>
  </numFmts>
  <fonts count="13">
    <font>
      <sz val="11"/>
      <color rgb="FF000000"/>
      <name val="Calibri"/>
    </font>
    <font>
      <sz val="11"/>
      <name val="Calibri"/>
    </font>
    <font>
      <b/>
      <sz val="12"/>
      <color rgb="FF000000"/>
      <name val="Calibri"/>
    </font>
    <font>
      <sz val="9"/>
      <color rgb="FFFFFFFF"/>
      <name val="Cambria"/>
    </font>
    <font>
      <b/>
      <u/>
      <sz val="9"/>
      <color rgb="FF000000"/>
      <name val="Calibri"/>
    </font>
    <font>
      <sz val="9"/>
      <color rgb="FF000000"/>
      <name val="Calibri"/>
    </font>
    <font>
      <b/>
      <sz val="9"/>
      <color rgb="FF000000"/>
      <name val="Calibri"/>
    </font>
    <font>
      <b/>
      <sz val="8"/>
      <color rgb="FF000000"/>
      <name val="Calibri"/>
    </font>
    <font>
      <sz val="8"/>
      <color rgb="FF000000"/>
      <name val="Calibri"/>
    </font>
    <font>
      <sz val="7"/>
      <color rgb="FF000000"/>
      <name val="Calibri"/>
    </font>
    <font>
      <b/>
      <i/>
      <sz val="8"/>
      <color rgb="FF000000"/>
      <name val="Calibri"/>
    </font>
    <font>
      <b/>
      <sz val="7"/>
      <color rgb="FF000000"/>
      <name val="Calibri"/>
    </font>
    <font>
      <b/>
      <i/>
      <sz val="8"/>
      <color rgb="FF4682B4"/>
      <name val="Calibri"/>
    </font>
  </fonts>
  <fills count="5">
    <fill>
      <patternFill patternType="none"/>
    </fill>
    <fill>
      <patternFill patternType="gray125"/>
    </fill>
    <fill>
      <patternFill patternType="solid">
        <fgColor rgb="FF4682B4"/>
      </patternFill>
    </fill>
    <fill>
      <patternFill patternType="solid">
        <fgColor rgb="FFE0FFFF"/>
      </patternFill>
    </fill>
    <fill>
      <patternFill patternType="solid">
        <fgColor rgb="FFFFFFFF"/>
      </patternFill>
    </fill>
  </fills>
  <borders count="15">
    <border>
      <left/>
      <right/>
      <top/>
      <bottom/>
      <diagonal/>
    </border>
    <border>
      <left/>
      <right/>
      <top style="medium">
        <color rgb="FF000000"/>
      </top>
      <bottom/>
      <diagonal/>
    </border>
    <border>
      <left/>
      <right/>
      <top style="medium">
        <color rgb="FF4682B4"/>
      </top>
      <bottom style="medium">
        <color rgb="FF4682B4"/>
      </bottom>
      <diagonal/>
    </border>
    <border>
      <left/>
      <right/>
      <top/>
      <bottom style="medium">
        <color rgb="FF4682B4"/>
      </bottom>
      <diagonal/>
    </border>
    <border>
      <left/>
      <right/>
      <top style="medium">
        <color rgb="FF87CEFA"/>
      </top>
      <bottom/>
      <diagonal/>
    </border>
    <border>
      <left/>
      <right/>
      <top style="medium">
        <color rgb="FF87CEFA"/>
      </top>
      <bottom style="medium">
        <color rgb="FF87CEFA"/>
      </bottom>
      <diagonal/>
    </border>
    <border>
      <left/>
      <right/>
      <top/>
      <bottom style="medium">
        <color rgb="FF87CEFA"/>
      </bottom>
      <diagonal/>
    </border>
    <border>
      <left style="medium">
        <color rgb="FF87CEFA"/>
      </left>
      <right/>
      <top style="medium">
        <color rgb="FF87CEFA"/>
      </top>
      <bottom style="medium">
        <color rgb="FF87CEFA"/>
      </bottom>
      <diagonal/>
    </border>
    <border>
      <left/>
      <right style="medium">
        <color rgb="FF87CEFA"/>
      </right>
      <top style="medium">
        <color rgb="FF87CEFA"/>
      </top>
      <bottom style="medium">
        <color rgb="FF87CEFA"/>
      </bottom>
      <diagonal/>
    </border>
    <border>
      <left style="medium">
        <color rgb="FF87CEFA"/>
      </left>
      <right/>
      <top style="medium">
        <color rgb="FF87CEFA"/>
      </top>
      <bottom/>
      <diagonal/>
    </border>
    <border>
      <left style="medium">
        <color rgb="FF87CEFA"/>
      </left>
      <right/>
      <top/>
      <bottom style="medium">
        <color rgb="FF87CEFA"/>
      </bottom>
      <diagonal/>
    </border>
    <border>
      <left style="medium">
        <color rgb="FF87CEFA"/>
      </left>
      <right style="medium">
        <color rgb="FF87CEFA"/>
      </right>
      <top style="medium">
        <color rgb="FF87CEFA"/>
      </top>
      <bottom style="medium">
        <color rgb="FF87CEFA"/>
      </bottom>
      <diagonal/>
    </border>
    <border>
      <left style="medium">
        <color rgb="FF87CEFA"/>
      </left>
      <right/>
      <top/>
      <bottom/>
      <diagonal/>
    </border>
    <border>
      <left style="medium">
        <color rgb="FF87CEFA"/>
      </left>
      <right style="medium">
        <color rgb="FF87CEFA"/>
      </right>
      <top/>
      <bottom/>
      <diagonal/>
    </border>
    <border>
      <left style="medium">
        <color rgb="FF87CEFA"/>
      </left>
      <right style="medium">
        <color rgb="FF87CEFA"/>
      </right>
      <top/>
      <bottom style="medium">
        <color rgb="FF87CEFA"/>
      </bottom>
      <diagonal/>
    </border>
  </borders>
  <cellStyleXfs count="1">
    <xf numFmtId="0" fontId="0" fillId="0" borderId="0">
      <alignment wrapText="1"/>
    </xf>
  </cellStyleXfs>
  <cellXfs count="123">
    <xf numFmtId="0" fontId="0" fillId="0" borderId="0" xfId="0" applyAlignment="1">
      <alignment wrapText="1" readingOrder="1"/>
    </xf>
    <xf numFmtId="0" fontId="1" fillId="0" borderId="0" xfId="0" applyFont="1" applyAlignment="1">
      <alignment horizontal="center" vertical="top" readingOrder="1"/>
    </xf>
    <xf numFmtId="164" fontId="2" fillId="0" borderId="0" xfId="0" applyNumberFormat="1" applyFont="1" applyAlignment="1">
      <alignment horizontal="left" vertical="center" wrapText="1" readingOrder="1"/>
    </xf>
    <xf numFmtId="164" fontId="4" fillId="0" borderId="0" xfId="0" applyNumberFormat="1" applyFont="1" applyAlignment="1">
      <alignment horizontal="left" vertical="top" wrapText="1" readingOrder="1"/>
    </xf>
    <xf numFmtId="164" fontId="4" fillId="0" borderId="0" xfId="0" applyNumberFormat="1" applyFont="1" applyAlignment="1">
      <alignment horizontal="right" vertical="top" wrapText="1" readingOrder="1"/>
    </xf>
    <xf numFmtId="164" fontId="5" fillId="0" borderId="0" xfId="0" applyNumberFormat="1" applyFont="1" applyAlignment="1">
      <alignment horizontal="left" wrapText="1" readingOrder="1"/>
    </xf>
    <xf numFmtId="164" fontId="6" fillId="0" borderId="0" xfId="0" applyNumberFormat="1" applyFont="1" applyAlignment="1">
      <alignment horizontal="right" vertical="center" wrapText="1" readingOrder="1"/>
    </xf>
    <xf numFmtId="164" fontId="5" fillId="0" borderId="0" xfId="0" applyNumberFormat="1" applyFont="1" applyAlignment="1">
      <alignment horizontal="left" vertical="center" wrapText="1" readingOrder="1"/>
    </xf>
    <xf numFmtId="164" fontId="5" fillId="0" borderId="0" xfId="0" applyNumberFormat="1" applyFont="1" applyAlignment="1">
      <alignment horizontal="right" wrapText="1" readingOrder="1"/>
    </xf>
    <xf numFmtId="166" fontId="5" fillId="0" borderId="0" xfId="0" applyNumberFormat="1" applyFont="1" applyAlignment="1">
      <alignment horizontal="left" vertical="center" wrapText="1" readingOrder="1"/>
    </xf>
    <xf numFmtId="167" fontId="5" fillId="0" borderId="0" xfId="0" applyNumberFormat="1" applyFont="1" applyAlignment="1">
      <alignment horizontal="left" vertical="center" wrapText="1" readingOrder="1"/>
    </xf>
    <xf numFmtId="168" fontId="5" fillId="0" borderId="0" xfId="0" applyNumberFormat="1" applyFont="1" applyAlignment="1">
      <alignment horizontal="left" vertical="center" wrapText="1" readingOrder="1"/>
    </xf>
    <xf numFmtId="164" fontId="7" fillId="0" borderId="0" xfId="0" applyNumberFormat="1" applyFont="1" applyAlignment="1">
      <alignment horizontal="right" vertical="center" wrapText="1" readingOrder="1"/>
    </xf>
    <xf numFmtId="0" fontId="1" fillId="0" borderId="1" xfId="0" applyFont="1" applyBorder="1" applyAlignment="1">
      <alignment horizontal="center" vertical="top" readingOrder="1"/>
    </xf>
    <xf numFmtId="164" fontId="7" fillId="0" borderId="2" xfId="0" applyNumberFormat="1" applyFont="1" applyBorder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center" wrapText="1" readingOrder="1"/>
    </xf>
    <xf numFmtId="164" fontId="7" fillId="0" borderId="2" xfId="0" applyNumberFormat="1" applyFont="1" applyBorder="1" applyAlignment="1">
      <alignment horizontal="right" wrapText="1" readingOrder="1"/>
    </xf>
    <xf numFmtId="164" fontId="8" fillId="0" borderId="0" xfId="0" applyNumberFormat="1" applyFont="1" applyAlignment="1">
      <alignment horizontal="center" vertical="center" wrapText="1" readingOrder="1"/>
    </xf>
    <xf numFmtId="164" fontId="8" fillId="3" borderId="0" xfId="0" applyNumberFormat="1" applyFont="1" applyFill="1" applyAlignment="1">
      <alignment horizontal="center" vertical="center" wrapText="1" readingOrder="1"/>
    </xf>
    <xf numFmtId="167" fontId="7" fillId="3" borderId="0" xfId="0" applyNumberFormat="1" applyFont="1" applyFill="1" applyAlignment="1">
      <alignment horizontal="right" vertical="center" wrapText="1" readingOrder="1"/>
    </xf>
    <xf numFmtId="164" fontId="7" fillId="3" borderId="0" xfId="0" applyNumberFormat="1" applyFont="1" applyFill="1" applyAlignment="1">
      <alignment horizontal="right" vertical="center" wrapText="1" readingOrder="1"/>
    </xf>
    <xf numFmtId="164" fontId="8" fillId="0" borderId="0" xfId="0" applyNumberFormat="1" applyFont="1" applyAlignment="1">
      <alignment horizontal="right" vertical="center" wrapText="1" readingOrder="1"/>
    </xf>
    <xf numFmtId="167" fontId="8" fillId="0" borderId="0" xfId="0" applyNumberFormat="1" applyFont="1" applyAlignment="1">
      <alignment horizontal="right" vertical="center" wrapText="1" readingOrder="1"/>
    </xf>
    <xf numFmtId="170" fontId="8" fillId="0" borderId="0" xfId="0" applyNumberFormat="1" applyFont="1" applyAlignment="1">
      <alignment horizontal="right" vertical="center" wrapText="1" readingOrder="1"/>
    </xf>
    <xf numFmtId="164" fontId="7" fillId="0" borderId="3" xfId="0" applyNumberFormat="1" applyFont="1" applyBorder="1" applyAlignment="1">
      <alignment horizontal="right" vertical="center" wrapText="1" readingOrder="1"/>
    </xf>
    <xf numFmtId="167" fontId="8" fillId="4" borderId="0" xfId="0" applyNumberFormat="1" applyFont="1" applyFill="1" applyAlignment="1">
      <alignment horizontal="left" vertical="center" wrapText="1" readingOrder="1"/>
    </xf>
    <xf numFmtId="164" fontId="7" fillId="0" borderId="5" xfId="0" applyNumberFormat="1" applyFont="1" applyBorder="1" applyAlignment="1">
      <alignment horizontal="right" vertical="center" wrapText="1" readingOrder="1"/>
    </xf>
    <xf numFmtId="164" fontId="8" fillId="0" borderId="0" xfId="0" applyNumberFormat="1" applyFont="1" applyAlignment="1">
      <alignment horizontal="left" vertical="center" wrapText="1" readingOrder="1"/>
    </xf>
    <xf numFmtId="171" fontId="8" fillId="0" borderId="0" xfId="0" applyNumberFormat="1" applyFont="1" applyAlignment="1">
      <alignment horizontal="right" vertical="center" wrapText="1" readingOrder="1"/>
    </xf>
    <xf numFmtId="168" fontId="8" fillId="0" borderId="0" xfId="0" applyNumberFormat="1" applyFont="1" applyAlignment="1">
      <alignment horizontal="right" vertical="center" wrapText="1" readingOrder="1"/>
    </xf>
    <xf numFmtId="164" fontId="8" fillId="3" borderId="0" xfId="0" applyNumberFormat="1" applyFont="1" applyFill="1" applyAlignment="1">
      <alignment horizontal="left" vertical="center" wrapText="1" readingOrder="1"/>
    </xf>
    <xf numFmtId="171" fontId="7" fillId="3" borderId="0" xfId="0" applyNumberFormat="1" applyFont="1" applyFill="1" applyAlignment="1">
      <alignment horizontal="right" vertical="center" wrapText="1" readingOrder="1"/>
    </xf>
    <xf numFmtId="168" fontId="7" fillId="3" borderId="0" xfId="0" applyNumberFormat="1" applyFont="1" applyFill="1" applyAlignment="1">
      <alignment horizontal="right" vertical="center" wrapText="1" readingOrder="1"/>
    </xf>
    <xf numFmtId="164" fontId="11" fillId="0" borderId="5" xfId="0" applyNumberFormat="1" applyFont="1" applyBorder="1" applyAlignment="1">
      <alignment horizontal="right" vertical="center" wrapText="1" readingOrder="1"/>
    </xf>
    <xf numFmtId="164" fontId="11" fillId="0" borderId="8" xfId="0" applyNumberFormat="1" applyFont="1" applyBorder="1" applyAlignment="1">
      <alignment horizontal="right" vertical="center" wrapText="1" readingOrder="1"/>
    </xf>
    <xf numFmtId="164" fontId="9" fillId="0" borderId="9" xfId="0" applyNumberFormat="1" applyFont="1" applyBorder="1" applyAlignment="1">
      <alignment horizontal="center" vertical="center" wrapText="1" readingOrder="1"/>
    </xf>
    <xf numFmtId="164" fontId="11" fillId="0" borderId="9" xfId="0" applyNumberFormat="1" applyFont="1" applyBorder="1" applyAlignment="1">
      <alignment horizontal="center" vertical="center" wrapText="1" readingOrder="1"/>
    </xf>
    <xf numFmtId="164" fontId="11" fillId="0" borderId="9" xfId="0" applyNumberFormat="1" applyFont="1" applyBorder="1" applyAlignment="1">
      <alignment horizontal="right" vertical="center" wrapText="1" readingOrder="1"/>
    </xf>
    <xf numFmtId="164" fontId="11" fillId="0" borderId="4" xfId="0" applyNumberFormat="1" applyFont="1" applyBorder="1" applyAlignment="1">
      <alignment horizontal="right" vertical="center" wrapText="1" readingOrder="1"/>
    </xf>
    <xf numFmtId="164" fontId="11" fillId="0" borderId="10" xfId="0" applyNumberFormat="1" applyFont="1" applyBorder="1" applyAlignment="1">
      <alignment horizontal="center" wrapText="1" readingOrder="1"/>
    </xf>
    <xf numFmtId="164" fontId="11" fillId="0" borderId="10" xfId="0" applyNumberFormat="1" applyFont="1" applyBorder="1" applyAlignment="1">
      <alignment horizontal="left" wrapText="1" readingOrder="1"/>
    </xf>
    <xf numFmtId="164" fontId="11" fillId="0" borderId="7" xfId="0" applyNumberFormat="1" applyFont="1" applyBorder="1" applyAlignment="1">
      <alignment horizontal="right" wrapText="1" readingOrder="1"/>
    </xf>
    <xf numFmtId="164" fontId="11" fillId="0" borderId="11" xfId="0" applyNumberFormat="1" applyFont="1" applyBorder="1" applyAlignment="1">
      <alignment horizontal="right" wrapText="1" readingOrder="1"/>
    </xf>
    <xf numFmtId="164" fontId="9" fillId="0" borderId="12" xfId="0" applyNumberFormat="1" applyFont="1" applyBorder="1" applyAlignment="1">
      <alignment horizontal="center" vertical="center" wrapText="1" readingOrder="1"/>
    </xf>
    <xf numFmtId="0" fontId="9" fillId="0" borderId="12" xfId="0" applyFont="1" applyBorder="1" applyAlignment="1">
      <alignment horizontal="left" vertical="center" wrapText="1" readingOrder="1"/>
    </xf>
    <xf numFmtId="167" fontId="9" fillId="0" borderId="12" xfId="0" applyNumberFormat="1" applyFont="1" applyBorder="1" applyAlignment="1">
      <alignment horizontal="right" vertical="center" wrapText="1" readingOrder="1"/>
    </xf>
    <xf numFmtId="172" fontId="9" fillId="0" borderId="12" xfId="0" applyNumberFormat="1" applyFont="1" applyBorder="1" applyAlignment="1">
      <alignment horizontal="right" vertical="center" wrapText="1" readingOrder="1"/>
    </xf>
    <xf numFmtId="171" fontId="9" fillId="0" borderId="12" xfId="0" applyNumberFormat="1" applyFont="1" applyBorder="1" applyAlignment="1">
      <alignment horizontal="right" vertical="center" wrapText="1" readingOrder="1"/>
    </xf>
    <xf numFmtId="168" fontId="9" fillId="0" borderId="12" xfId="0" applyNumberFormat="1" applyFont="1" applyBorder="1" applyAlignment="1">
      <alignment horizontal="right" vertical="center" wrapText="1" readingOrder="1"/>
    </xf>
    <xf numFmtId="171" fontId="9" fillId="0" borderId="13" xfId="0" applyNumberFormat="1" applyFont="1" applyBorder="1" applyAlignment="1">
      <alignment horizontal="right" vertical="center" wrapText="1" readingOrder="1"/>
    </xf>
    <xf numFmtId="164" fontId="11" fillId="3" borderId="12" xfId="0" applyNumberFormat="1" applyFont="1" applyFill="1" applyBorder="1" applyAlignment="1">
      <alignment horizontal="center" vertical="center" wrapText="1" readingOrder="1"/>
    </xf>
    <xf numFmtId="0" fontId="11" fillId="3" borderId="12" xfId="0" applyFont="1" applyFill="1" applyBorder="1" applyAlignment="1">
      <alignment horizontal="left" vertical="center" wrapText="1" readingOrder="1"/>
    </xf>
    <xf numFmtId="167" fontId="11" fillId="3" borderId="12" xfId="0" applyNumberFormat="1" applyFont="1" applyFill="1" applyBorder="1" applyAlignment="1">
      <alignment horizontal="right" vertical="center" wrapText="1" readingOrder="1"/>
    </xf>
    <xf numFmtId="172" fontId="11" fillId="3" borderId="12" xfId="0" applyNumberFormat="1" applyFont="1" applyFill="1" applyBorder="1" applyAlignment="1">
      <alignment horizontal="right" vertical="center" wrapText="1" readingOrder="1"/>
    </xf>
    <xf numFmtId="171" fontId="11" fillId="3" borderId="12" xfId="0" applyNumberFormat="1" applyFont="1" applyFill="1" applyBorder="1" applyAlignment="1">
      <alignment horizontal="right" vertical="center" wrapText="1" readingOrder="1"/>
    </xf>
    <xf numFmtId="168" fontId="11" fillId="3" borderId="12" xfId="0" applyNumberFormat="1" applyFont="1" applyFill="1" applyBorder="1" applyAlignment="1">
      <alignment horizontal="right" vertical="center" wrapText="1" readingOrder="1"/>
    </xf>
    <xf numFmtId="171" fontId="11" fillId="3" borderId="13" xfId="0" applyNumberFormat="1" applyFont="1" applyFill="1" applyBorder="1" applyAlignment="1">
      <alignment horizontal="right" vertical="center" wrapText="1" readingOrder="1"/>
    </xf>
    <xf numFmtId="164" fontId="8" fillId="0" borderId="10" xfId="0" applyNumberFormat="1" applyFont="1" applyBorder="1" applyAlignment="1">
      <alignment horizontal="center" vertical="center" wrapText="1" readingOrder="1"/>
    </xf>
    <xf numFmtId="164" fontId="8" fillId="0" borderId="10" xfId="0" applyNumberFormat="1" applyFont="1" applyBorder="1" applyAlignment="1">
      <alignment horizontal="right" vertical="center" wrapText="1" readingOrder="1"/>
    </xf>
    <xf numFmtId="164" fontId="8" fillId="0" borderId="14" xfId="0" applyNumberFormat="1" applyFont="1" applyBorder="1" applyAlignment="1">
      <alignment horizontal="right" vertical="center" wrapText="1" readingOrder="1"/>
    </xf>
    <xf numFmtId="171" fontId="5" fillId="0" borderId="0" xfId="0" applyNumberFormat="1" applyFont="1" applyAlignment="1">
      <alignment horizontal="right" vertical="center" wrapText="1" readingOrder="1"/>
    </xf>
    <xf numFmtId="164" fontId="12" fillId="0" borderId="0" xfId="0" applyNumberFormat="1" applyFont="1" applyAlignment="1">
      <alignment horizontal="center" vertical="center" wrapText="1" readingOrder="1"/>
    </xf>
    <xf numFmtId="173" fontId="5" fillId="0" borderId="0" xfId="0" applyNumberFormat="1" applyFont="1" applyAlignment="1">
      <alignment horizontal="right" vertical="center" wrapText="1" readingOrder="1"/>
    </xf>
    <xf numFmtId="164" fontId="2" fillId="0" borderId="0" xfId="0" applyNumberFormat="1" applyFont="1" applyAlignment="1">
      <alignment horizontal="left" vertical="center" wrapText="1" readingOrder="1"/>
    </xf>
    <xf numFmtId="164" fontId="5" fillId="0" borderId="0" xfId="0" applyNumberFormat="1" applyFont="1" applyAlignment="1">
      <alignment horizontal="left" wrapText="1" readingOrder="1"/>
    </xf>
    <xf numFmtId="164" fontId="6" fillId="0" borderId="0" xfId="0" applyNumberFormat="1" applyFont="1" applyAlignment="1">
      <alignment horizontal="right" vertical="top" wrapText="1" readingOrder="1"/>
    </xf>
    <xf numFmtId="164" fontId="5" fillId="0" borderId="0" xfId="0" applyNumberFormat="1" applyFont="1" applyAlignment="1">
      <alignment horizontal="left" vertical="top" wrapText="1" readingOrder="1"/>
    </xf>
    <xf numFmtId="164" fontId="6" fillId="0" borderId="0" xfId="0" applyNumberFormat="1" applyFont="1" applyAlignment="1">
      <alignment horizontal="right" vertical="center" wrapText="1" readingOrder="1"/>
    </xf>
    <xf numFmtId="168" fontId="5" fillId="0" borderId="0" xfId="0" applyNumberFormat="1" applyFont="1" applyAlignment="1">
      <alignment horizontal="left" vertical="center" wrapText="1" readingOrder="1"/>
    </xf>
    <xf numFmtId="167" fontId="5" fillId="0" borderId="0" xfId="0" applyNumberFormat="1" applyFont="1" applyAlignment="1">
      <alignment horizontal="left" vertical="center" wrapText="1" readingOrder="1"/>
    </xf>
    <xf numFmtId="165" fontId="5" fillId="0" borderId="0" xfId="0" applyNumberFormat="1" applyFont="1" applyAlignment="1">
      <alignment horizontal="left" vertical="center" wrapText="1" readingOrder="1"/>
    </xf>
    <xf numFmtId="164" fontId="5" fillId="0" borderId="0" xfId="0" applyNumberFormat="1" applyFont="1" applyAlignment="1">
      <alignment horizontal="left" vertical="center" wrapText="1" readingOrder="1"/>
    </xf>
    <xf numFmtId="0" fontId="1" fillId="0" borderId="0" xfId="0" applyFont="1" applyAlignment="1">
      <alignment horizontal="center" vertical="top" readingOrder="1"/>
    </xf>
    <xf numFmtId="164" fontId="2" fillId="0" borderId="0" xfId="0" applyNumberFormat="1" applyFont="1" applyAlignment="1">
      <alignment horizontal="right" vertical="center" wrapText="1" readingOrder="1"/>
    </xf>
    <xf numFmtId="164" fontId="3" fillId="2" borderId="0" xfId="0" applyNumberFormat="1" applyFont="1" applyFill="1" applyAlignment="1">
      <alignment horizontal="center" vertical="center" wrapText="1" readingOrder="1"/>
    </xf>
    <xf numFmtId="164" fontId="4" fillId="0" borderId="0" xfId="0" applyNumberFormat="1" applyFont="1" applyAlignment="1">
      <alignment horizontal="left" vertical="top" wrapText="1" readingOrder="1"/>
    </xf>
    <xf numFmtId="164" fontId="8" fillId="0" borderId="0" xfId="0" applyNumberFormat="1" applyFont="1" applyAlignment="1">
      <alignment horizontal="right" vertical="center" wrapText="1" readingOrder="1"/>
    </xf>
    <xf numFmtId="164" fontId="8" fillId="0" borderId="0" xfId="0" applyNumberFormat="1" applyFont="1" applyAlignment="1">
      <alignment horizontal="center" vertical="center" wrapText="1" readingOrder="1"/>
    </xf>
    <xf numFmtId="164" fontId="10" fillId="4" borderId="0" xfId="0" applyNumberFormat="1" applyFont="1" applyFill="1" applyAlignment="1">
      <alignment horizontal="left" vertical="center" wrapText="1" readingOrder="1"/>
    </xf>
    <xf numFmtId="167" fontId="8" fillId="4" borderId="0" xfId="0" applyNumberFormat="1" applyFont="1" applyFill="1" applyAlignment="1">
      <alignment horizontal="left" vertical="center" wrapText="1" readingOrder="1"/>
    </xf>
    <xf numFmtId="167" fontId="10" fillId="4" borderId="0" xfId="0" applyNumberFormat="1" applyFont="1" applyFill="1" applyAlignment="1">
      <alignment horizontal="left" vertical="center" wrapText="1" readingOrder="1"/>
    </xf>
    <xf numFmtId="164" fontId="7" fillId="0" borderId="3" xfId="0" applyNumberFormat="1" applyFont="1" applyBorder="1" applyAlignment="1">
      <alignment horizontal="right" vertical="center" wrapText="1" readingOrder="1"/>
    </xf>
    <xf numFmtId="164" fontId="7" fillId="0" borderId="0" xfId="0" applyNumberFormat="1" applyFont="1" applyAlignment="1">
      <alignment horizontal="center" vertical="center" wrapText="1" readingOrder="1"/>
    </xf>
    <xf numFmtId="164" fontId="7" fillId="0" borderId="0" xfId="0" applyNumberFormat="1" applyFont="1" applyAlignment="1">
      <alignment horizontal="right" vertical="center" wrapText="1" readingOrder="1"/>
    </xf>
    <xf numFmtId="164" fontId="6" fillId="0" borderId="3" xfId="0" applyNumberFormat="1" applyFont="1" applyBorder="1" applyAlignment="1">
      <alignment horizontal="left" vertical="center" wrapText="1" readingOrder="1"/>
    </xf>
    <xf numFmtId="167" fontId="8" fillId="0" borderId="0" xfId="0" applyNumberFormat="1" applyFont="1" applyAlignment="1">
      <alignment horizontal="right" vertical="center" wrapText="1" readingOrder="1"/>
    </xf>
    <xf numFmtId="164" fontId="9" fillId="0" borderId="0" xfId="0" applyNumberFormat="1" applyFont="1" applyAlignment="1">
      <alignment horizontal="left" vertical="center" wrapText="1" readingOrder="1"/>
    </xf>
    <xf numFmtId="0" fontId="9" fillId="0" borderId="0" xfId="0" applyFont="1" applyAlignment="1">
      <alignment horizontal="left" vertical="center" wrapText="1" readingOrder="1"/>
    </xf>
    <xf numFmtId="169" fontId="8" fillId="0" borderId="0" xfId="0" applyNumberFormat="1" applyFont="1" applyAlignment="1">
      <alignment horizontal="right" vertical="center" wrapText="1" readingOrder="1"/>
    </xf>
    <xf numFmtId="164" fontId="7" fillId="3" borderId="0" xfId="0" applyNumberFormat="1" applyFont="1" applyFill="1" applyAlignment="1">
      <alignment horizontal="right" vertical="center" wrapText="1" readingOrder="1"/>
    </xf>
    <xf numFmtId="0" fontId="7" fillId="3" borderId="0" xfId="0" applyFont="1" applyFill="1" applyAlignment="1">
      <alignment horizontal="left" vertical="center" wrapText="1" readingOrder="1"/>
    </xf>
    <xf numFmtId="164" fontId="7" fillId="3" borderId="0" xfId="0" applyNumberFormat="1" applyFont="1" applyFill="1" applyAlignment="1">
      <alignment horizontal="center" vertical="center" wrapText="1" readingOrder="1"/>
    </xf>
    <xf numFmtId="167" fontId="7" fillId="3" borderId="0" xfId="0" applyNumberFormat="1" applyFont="1" applyFill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left" wrapText="1" readingOrder="1"/>
    </xf>
    <xf numFmtId="164" fontId="7" fillId="0" borderId="2" xfId="0" applyNumberFormat="1" applyFont="1" applyBorder="1" applyAlignment="1">
      <alignment horizontal="right" wrapText="1" readingOrder="1"/>
    </xf>
    <xf numFmtId="164" fontId="6" fillId="0" borderId="2" xfId="0" applyNumberFormat="1" applyFont="1" applyBorder="1" applyAlignment="1">
      <alignment horizontal="left" vertical="center" wrapText="1" readingOrder="1"/>
    </xf>
    <xf numFmtId="164" fontId="7" fillId="0" borderId="2" xfId="0" applyNumberFormat="1" applyFont="1" applyBorder="1" applyAlignment="1">
      <alignment horizontal="center" vertical="center" wrapText="1" readingOrder="1"/>
    </xf>
    <xf numFmtId="0" fontId="1" fillId="0" borderId="1" xfId="0" applyFont="1" applyBorder="1" applyAlignment="1">
      <alignment horizontal="center" vertical="top" readingOrder="1"/>
    </xf>
    <xf numFmtId="171" fontId="7" fillId="3" borderId="0" xfId="0" applyNumberFormat="1" applyFont="1" applyFill="1" applyAlignment="1">
      <alignment horizontal="right" vertical="center" wrapText="1" readingOrder="1"/>
    </xf>
    <xf numFmtId="164" fontId="7" fillId="0" borderId="5" xfId="0" applyNumberFormat="1" applyFont="1" applyBorder="1" applyAlignment="1">
      <alignment horizontal="center" vertical="center" wrapText="1" readingOrder="1"/>
    </xf>
    <xf numFmtId="164" fontId="7" fillId="0" borderId="5" xfId="0" applyNumberFormat="1" applyFont="1" applyBorder="1" applyAlignment="1">
      <alignment horizontal="right" vertical="center" wrapText="1" readingOrder="1"/>
    </xf>
    <xf numFmtId="0" fontId="8" fillId="0" borderId="0" xfId="0" applyFont="1" applyAlignment="1">
      <alignment horizontal="left" vertical="center" wrapText="1" readingOrder="1"/>
    </xf>
    <xf numFmtId="171" fontId="8" fillId="0" borderId="0" xfId="0" applyNumberFormat="1" applyFont="1" applyAlignment="1">
      <alignment horizontal="right" vertical="center" wrapText="1" readingOrder="1"/>
    </xf>
    <xf numFmtId="164" fontId="7" fillId="0" borderId="4" xfId="0" applyNumberFormat="1" applyFont="1" applyBorder="1" applyAlignment="1">
      <alignment horizontal="left" vertical="center" wrapText="1" readingOrder="1"/>
    </xf>
    <xf numFmtId="164" fontId="7" fillId="0" borderId="6" xfId="0" applyNumberFormat="1" applyFont="1" applyBorder="1" applyAlignment="1">
      <alignment horizontal="left" vertical="center" wrapText="1" readingOrder="1"/>
    </xf>
    <xf numFmtId="164" fontId="7" fillId="0" borderId="4" xfId="0" applyNumberFormat="1" applyFont="1" applyBorder="1" applyAlignment="1">
      <alignment horizontal="center" vertical="center" wrapText="1" readingOrder="1"/>
    </xf>
    <xf numFmtId="164" fontId="7" fillId="0" borderId="6" xfId="0" applyNumberFormat="1" applyFont="1" applyBorder="1" applyAlignment="1">
      <alignment horizontal="center" vertical="center" wrapText="1" readingOrder="1"/>
    </xf>
    <xf numFmtId="171" fontId="9" fillId="0" borderId="12" xfId="0" applyNumberFormat="1" applyFont="1" applyBorder="1" applyAlignment="1">
      <alignment horizontal="right" vertical="center" wrapText="1" readingOrder="1"/>
    </xf>
    <xf numFmtId="171" fontId="9" fillId="0" borderId="0" xfId="0" applyNumberFormat="1" applyFont="1" applyAlignment="1">
      <alignment horizontal="right" vertical="center" wrapText="1" readingOrder="1"/>
    </xf>
    <xf numFmtId="171" fontId="11" fillId="3" borderId="12" xfId="0" applyNumberFormat="1" applyFont="1" applyFill="1" applyBorder="1" applyAlignment="1">
      <alignment horizontal="right" vertical="center" wrapText="1" readingOrder="1"/>
    </xf>
    <xf numFmtId="171" fontId="11" fillId="3" borderId="0" xfId="0" applyNumberFormat="1" applyFont="1" applyFill="1" applyAlignment="1">
      <alignment horizontal="right" vertical="center" wrapText="1" readingOrder="1"/>
    </xf>
    <xf numFmtId="164" fontId="8" fillId="0" borderId="10" xfId="0" applyNumberFormat="1" applyFont="1" applyBorder="1" applyAlignment="1">
      <alignment horizontal="right" vertical="center" wrapText="1" readingOrder="1"/>
    </xf>
    <xf numFmtId="164" fontId="8" fillId="0" borderId="6" xfId="0" applyNumberFormat="1" applyFont="1" applyBorder="1" applyAlignment="1">
      <alignment horizontal="right" vertical="center" wrapText="1" readingOrder="1"/>
    </xf>
    <xf numFmtId="164" fontId="7" fillId="0" borderId="7" xfId="0" applyNumberFormat="1" applyFont="1" applyBorder="1" applyAlignment="1">
      <alignment horizontal="center" vertical="center" wrapText="1" readingOrder="1"/>
    </xf>
    <xf numFmtId="164" fontId="7" fillId="0" borderId="8" xfId="0" applyNumberFormat="1" applyFont="1" applyBorder="1" applyAlignment="1">
      <alignment horizontal="center" vertical="center" wrapText="1" readingOrder="1"/>
    </xf>
    <xf numFmtId="164" fontId="11" fillId="0" borderId="7" xfId="0" applyNumberFormat="1" applyFont="1" applyBorder="1" applyAlignment="1">
      <alignment horizontal="right" wrapText="1" readingOrder="1"/>
    </xf>
    <xf numFmtId="164" fontId="11" fillId="0" borderId="5" xfId="0" applyNumberFormat="1" applyFont="1" applyBorder="1" applyAlignment="1">
      <alignment horizontal="right" wrapText="1" readingOrder="1"/>
    </xf>
    <xf numFmtId="164" fontId="7" fillId="0" borderId="7" xfId="0" applyNumberFormat="1" applyFont="1" applyBorder="1" applyAlignment="1">
      <alignment horizontal="left" vertical="center" wrapText="1" readingOrder="1"/>
    </xf>
    <xf numFmtId="164" fontId="7" fillId="0" borderId="5" xfId="0" applyNumberFormat="1" applyFont="1" applyBorder="1" applyAlignment="1">
      <alignment horizontal="left" vertical="center" wrapText="1" readingOrder="1"/>
    </xf>
    <xf numFmtId="164" fontId="11" fillId="0" borderId="5" xfId="0" applyNumberFormat="1" applyFont="1" applyBorder="1" applyAlignment="1">
      <alignment horizontal="right" vertical="center" wrapText="1" readingOrder="1"/>
    </xf>
    <xf numFmtId="171" fontId="5" fillId="0" borderId="0" xfId="0" applyNumberFormat="1" applyFont="1" applyAlignment="1">
      <alignment horizontal="right" vertical="center" wrapText="1" readingOrder="1"/>
    </xf>
    <xf numFmtId="164" fontId="12" fillId="0" borderId="0" xfId="0" applyNumberFormat="1" applyFont="1" applyAlignment="1">
      <alignment horizontal="center"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mruColors>
      <color rgb="FFC6D9F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0</xdr:col>
      <xdr:colOff>1351693</xdr:colOff>
      <xdr:row>2</xdr:row>
      <xdr:rowOff>216000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3</xdr:col>
      <xdr:colOff>83820</xdr:colOff>
      <xdr:row>8</xdr:row>
      <xdr:rowOff>91440</xdr:rowOff>
    </xdr:from>
    <xdr:to>
      <xdr:col>4</xdr:col>
      <xdr:colOff>594360</xdr:colOff>
      <xdr:row>13</xdr:row>
      <xdr:rowOff>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551BC2E4-D132-4F8D-ADB3-9BCCAD19E228}"/>
            </a:ext>
          </a:extLst>
        </xdr:cNvPr>
        <xdr:cNvSpPr txBox="1"/>
      </xdr:nvSpPr>
      <xdr:spPr>
        <a:xfrm>
          <a:off x="2720340" y="1905000"/>
          <a:ext cx="1562100" cy="1127760"/>
        </a:xfrm>
        <a:prstGeom prst="wedgeRoundRectCallout">
          <a:avLst>
            <a:gd name="adj1" fmla="val -73878"/>
            <a:gd name="adj2" fmla="val 21869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Program Name, Service Subcategory and Payment Type</a:t>
          </a:r>
        </a:p>
      </xdr:txBody>
    </xdr:sp>
    <xdr:clientData/>
  </xdr:twoCellAnchor>
  <xdr:twoCellAnchor>
    <xdr:from>
      <xdr:col>5</xdr:col>
      <xdr:colOff>883920</xdr:colOff>
      <xdr:row>12</xdr:row>
      <xdr:rowOff>68580</xdr:rowOff>
    </xdr:from>
    <xdr:to>
      <xdr:col>6</xdr:col>
      <xdr:colOff>236220</xdr:colOff>
      <xdr:row>15</xdr:row>
      <xdr:rowOff>762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F303B626-A80A-4A41-A7FB-54621BC7DF76}"/>
            </a:ext>
          </a:extLst>
        </xdr:cNvPr>
        <xdr:cNvSpPr txBox="1"/>
      </xdr:nvSpPr>
      <xdr:spPr>
        <a:xfrm>
          <a:off x="6339840" y="2887980"/>
          <a:ext cx="1432560" cy="647700"/>
        </a:xfrm>
        <a:prstGeom prst="wedgeRoundRectCallout">
          <a:avLst>
            <a:gd name="adj1" fmla="val -67806"/>
            <a:gd name="adj2" fmla="val 18888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Grid Dates for Reference</a:t>
          </a:r>
        </a:p>
      </xdr:txBody>
    </xdr:sp>
    <xdr:clientData/>
  </xdr:twoCellAnchor>
  <xdr:twoCellAnchor>
    <xdr:from>
      <xdr:col>2</xdr:col>
      <xdr:colOff>967740</xdr:colOff>
      <xdr:row>15</xdr:row>
      <xdr:rowOff>53340</xdr:rowOff>
    </xdr:from>
    <xdr:to>
      <xdr:col>4</xdr:col>
      <xdr:colOff>312420</xdr:colOff>
      <xdr:row>17</xdr:row>
      <xdr:rowOff>274320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B4E90E10-4211-48DC-9212-5C2C61109ED7}"/>
            </a:ext>
          </a:extLst>
        </xdr:cNvPr>
        <xdr:cNvSpPr txBox="1"/>
      </xdr:nvSpPr>
      <xdr:spPr>
        <a:xfrm>
          <a:off x="2567940" y="3581400"/>
          <a:ext cx="1432560" cy="647700"/>
        </a:xfrm>
        <a:prstGeom prst="wedgeRoundRectCallout">
          <a:avLst>
            <a:gd name="adj1" fmla="val -70998"/>
            <a:gd name="adj2" fmla="val -37582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art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Date for this Payment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</xdr:col>
      <xdr:colOff>617220</xdr:colOff>
      <xdr:row>16</xdr:row>
      <xdr:rowOff>198120</xdr:rowOff>
    </xdr:from>
    <xdr:to>
      <xdr:col>5</xdr:col>
      <xdr:colOff>281940</xdr:colOff>
      <xdr:row>18</xdr:row>
      <xdr:rowOff>34290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51C7B7B6-DCA8-469A-A2D8-8CBCC99B2CA8}"/>
            </a:ext>
          </a:extLst>
        </xdr:cNvPr>
        <xdr:cNvSpPr txBox="1"/>
      </xdr:nvSpPr>
      <xdr:spPr>
        <a:xfrm>
          <a:off x="4305300" y="3939540"/>
          <a:ext cx="1432560" cy="647700"/>
        </a:xfrm>
        <a:prstGeom prst="wedgeRoundRectCallout">
          <a:avLst>
            <a:gd name="adj1" fmla="val -96529"/>
            <a:gd name="adj2" fmla="val 81241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urrent Rates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3</xdr:col>
      <xdr:colOff>228493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8</xdr:col>
      <xdr:colOff>0</xdr:colOff>
      <xdr:row>21</xdr:row>
      <xdr:rowOff>53340</xdr:rowOff>
    </xdr:from>
    <xdr:to>
      <xdr:col>10</xdr:col>
      <xdr:colOff>274320</xdr:colOff>
      <xdr:row>24</xdr:row>
      <xdr:rowOff>12954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7CCBD2A0-6F2F-41A6-8287-DA026575A622}"/>
            </a:ext>
          </a:extLst>
        </xdr:cNvPr>
        <xdr:cNvSpPr txBox="1"/>
      </xdr:nvSpPr>
      <xdr:spPr>
        <a:xfrm>
          <a:off x="2926080" y="4869180"/>
          <a:ext cx="1165860" cy="640080"/>
        </a:xfrm>
        <a:prstGeom prst="wedgeRoundRectCallout">
          <a:avLst>
            <a:gd name="adj1" fmla="val -72061"/>
            <a:gd name="adj2" fmla="val -51700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ew Direct Staff Rate</a:t>
          </a:r>
        </a:p>
      </xdr:txBody>
    </xdr:sp>
    <xdr:clientData/>
  </xdr:twoCellAnchor>
  <xdr:twoCellAnchor>
    <xdr:from>
      <xdr:col>4</xdr:col>
      <xdr:colOff>403860</xdr:colOff>
      <xdr:row>7</xdr:row>
      <xdr:rowOff>30480</xdr:rowOff>
    </xdr:from>
    <xdr:to>
      <xdr:col>8</xdr:col>
      <xdr:colOff>365760</xdr:colOff>
      <xdr:row>10</xdr:row>
      <xdr:rowOff>12192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E9799B41-2913-46B0-8DAD-397640DC722F}"/>
            </a:ext>
          </a:extLst>
        </xdr:cNvPr>
        <xdr:cNvSpPr txBox="1"/>
      </xdr:nvSpPr>
      <xdr:spPr>
        <a:xfrm>
          <a:off x="1828800" y="1729740"/>
          <a:ext cx="1463040" cy="640080"/>
        </a:xfrm>
        <a:prstGeom prst="wedgeRoundRectCallout">
          <a:avLst>
            <a:gd name="adj1" fmla="val -13891"/>
            <a:gd name="adj2" fmla="val 69729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ew Supervisor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Rate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8</xdr:col>
      <xdr:colOff>220980</xdr:colOff>
      <xdr:row>27</xdr:row>
      <xdr:rowOff>30480</xdr:rowOff>
    </xdr:from>
    <xdr:to>
      <xdr:col>13</xdr:col>
      <xdr:colOff>53340</xdr:colOff>
      <xdr:row>30</xdr:row>
      <xdr:rowOff>121920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D8BD836-9A6F-49A2-89F3-AFC732D246AB}"/>
            </a:ext>
          </a:extLst>
        </xdr:cNvPr>
        <xdr:cNvSpPr txBox="1"/>
      </xdr:nvSpPr>
      <xdr:spPr>
        <a:xfrm>
          <a:off x="3147060" y="6126480"/>
          <a:ext cx="1653540" cy="647700"/>
        </a:xfrm>
        <a:prstGeom prst="wedgeRoundRectCallout">
          <a:avLst>
            <a:gd name="adj1" fmla="val -32167"/>
            <a:gd name="adj2" fmla="val -91700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o Changes to Service Level Hours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1</xdr:col>
      <xdr:colOff>935234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2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6</xdr:col>
      <xdr:colOff>15240</xdr:colOff>
      <xdr:row>17</xdr:row>
      <xdr:rowOff>167640</xdr:rowOff>
    </xdr:from>
    <xdr:to>
      <xdr:col>8</xdr:col>
      <xdr:colOff>7620</xdr:colOff>
      <xdr:row>20</xdr:row>
      <xdr:rowOff>17526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494FF8-3080-4DE9-895A-18BFA2A14669}"/>
            </a:ext>
          </a:extLst>
        </xdr:cNvPr>
        <xdr:cNvSpPr txBox="1"/>
      </xdr:nvSpPr>
      <xdr:spPr>
        <a:xfrm>
          <a:off x="4198620" y="3695700"/>
          <a:ext cx="1653540" cy="647700"/>
        </a:xfrm>
        <a:prstGeom prst="wedgeRoundRectCallout">
          <a:avLst>
            <a:gd name="adj1" fmla="val -43688"/>
            <a:gd name="adj2" fmla="val 73006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Increments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with $0 have no changes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5</xdr:col>
      <xdr:colOff>800100</xdr:colOff>
      <xdr:row>73</xdr:row>
      <xdr:rowOff>137160</xdr:rowOff>
    </xdr:from>
    <xdr:to>
      <xdr:col>8</xdr:col>
      <xdr:colOff>281940</xdr:colOff>
      <xdr:row>76</xdr:row>
      <xdr:rowOff>16764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35BAE11C-093A-4031-8A6E-2E3F7D938506}"/>
            </a:ext>
          </a:extLst>
        </xdr:cNvPr>
        <xdr:cNvSpPr txBox="1"/>
      </xdr:nvSpPr>
      <xdr:spPr>
        <a:xfrm>
          <a:off x="4152900" y="15491460"/>
          <a:ext cx="1973580" cy="670560"/>
        </a:xfrm>
        <a:prstGeom prst="wedgeRoundRectCallout">
          <a:avLst>
            <a:gd name="adj1" fmla="val -44162"/>
            <a:gd name="adj2" fmla="val 100074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Adjustments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to an Uplift may appear here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3</xdr:col>
      <xdr:colOff>99060</xdr:colOff>
      <xdr:row>109</xdr:row>
      <xdr:rowOff>22860</xdr:rowOff>
    </xdr:from>
    <xdr:to>
      <xdr:col>5</xdr:col>
      <xdr:colOff>754380</xdr:colOff>
      <xdr:row>112</xdr:row>
      <xdr:rowOff>83820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A0FA3A57-09E8-43EE-B64E-A926ED3CE701}"/>
            </a:ext>
          </a:extLst>
        </xdr:cNvPr>
        <xdr:cNvSpPr txBox="1"/>
      </xdr:nvSpPr>
      <xdr:spPr>
        <a:xfrm>
          <a:off x="2621280" y="22905720"/>
          <a:ext cx="1485900" cy="632460"/>
        </a:xfrm>
        <a:prstGeom prst="wedgeRoundRectCallout">
          <a:avLst>
            <a:gd name="adj1" fmla="val 33872"/>
            <a:gd name="adj2" fmla="val -71421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hange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in Monthly Funding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495300</xdr:colOff>
      <xdr:row>109</xdr:row>
      <xdr:rowOff>30480</xdr:rowOff>
    </xdr:from>
    <xdr:to>
      <xdr:col>8</xdr:col>
      <xdr:colOff>320040</xdr:colOff>
      <xdr:row>112</xdr:row>
      <xdr:rowOff>9144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A0CBD967-0AD1-4F37-96C2-74BF078AF021}"/>
            </a:ext>
          </a:extLst>
        </xdr:cNvPr>
        <xdr:cNvSpPr txBox="1"/>
      </xdr:nvSpPr>
      <xdr:spPr>
        <a:xfrm>
          <a:off x="4678680" y="22913340"/>
          <a:ext cx="1485900" cy="632460"/>
        </a:xfrm>
        <a:prstGeom prst="wedgeRoundRectCallout">
          <a:avLst>
            <a:gd name="adj1" fmla="val -35872"/>
            <a:gd name="adj2" fmla="val -75035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ow Monthly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Funding Total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2</xdr:col>
      <xdr:colOff>260893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3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0</xdr:col>
      <xdr:colOff>1351693</xdr:colOff>
      <xdr:row>2</xdr:row>
      <xdr:rowOff>216000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4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34"/>
  <sheetViews>
    <sheetView showGridLines="0" tabSelected="1" workbookViewId="0">
      <pane ySplit="5" topLeftCell="A6" activePane="bottomLeft" state="frozenSplit"/>
      <selection pane="bottomLeft" sqref="A1:A3"/>
    </sheetView>
  </sheetViews>
  <sheetFormatPr defaultRowHeight="15" customHeight="1"/>
  <cols>
    <col min="1" max="1" width="20.81640625" customWidth="1"/>
    <col min="2" max="2" width="2.54296875" customWidth="1"/>
    <col min="3" max="3" width="15.08984375" customWidth="1"/>
    <col min="4" max="4" width="15.36328125" customWidth="1"/>
    <col min="5" max="5" width="25.81640625" customWidth="1"/>
    <col min="6" max="6" width="30.36328125" customWidth="1"/>
  </cols>
  <sheetData>
    <row r="1" spans="1:6" ht="18.899999999999999" customHeight="1">
      <c r="A1" s="72"/>
      <c r="B1" s="1"/>
      <c r="C1" s="1"/>
      <c r="D1" s="1"/>
      <c r="E1" s="1"/>
      <c r="F1" s="1"/>
    </row>
    <row r="2" spans="1:6" ht="23.5" customHeight="1">
      <c r="A2" s="72"/>
      <c r="B2" s="1"/>
      <c r="C2" s="1"/>
      <c r="D2" s="73" t="s">
        <v>0</v>
      </c>
      <c r="E2" s="73"/>
      <c r="F2" s="73"/>
    </row>
    <row r="3" spans="1:6" ht="17" customHeight="1">
      <c r="A3" s="72"/>
      <c r="B3" s="1"/>
      <c r="C3" s="1"/>
      <c r="D3" s="1"/>
      <c r="E3" s="1"/>
      <c r="F3" s="1"/>
    </row>
    <row r="4" spans="1:6" ht="5.4" customHeight="1">
      <c r="A4" s="1"/>
      <c r="B4" s="1"/>
      <c r="C4" s="1"/>
      <c r="D4" s="1"/>
      <c r="E4" s="1"/>
      <c r="F4" s="1"/>
    </row>
    <row r="5" spans="1:6" ht="17" customHeight="1">
      <c r="A5" s="74" t="s">
        <v>1</v>
      </c>
      <c r="B5" s="74"/>
      <c r="C5" s="74"/>
      <c r="D5" s="74"/>
      <c r="E5" s="74"/>
      <c r="F5" s="74"/>
    </row>
    <row r="6" spans="1:6" ht="28.4" customHeight="1">
      <c r="A6" s="63" t="s">
        <v>2</v>
      </c>
      <c r="B6" s="63"/>
      <c r="C6" s="75" t="s">
        <v>1</v>
      </c>
      <c r="D6" s="75"/>
      <c r="E6" s="4" t="s">
        <v>1</v>
      </c>
      <c r="F6" s="5" t="s">
        <v>1</v>
      </c>
    </row>
    <row r="7" spans="1:6" ht="17" customHeight="1">
      <c r="A7" s="67" t="s">
        <v>3</v>
      </c>
      <c r="B7" s="67"/>
      <c r="C7" s="71" t="s">
        <v>4</v>
      </c>
      <c r="D7" s="71"/>
      <c r="E7" s="71"/>
      <c r="F7" s="7" t="s">
        <v>1</v>
      </c>
    </row>
    <row r="8" spans="1:6" ht="17" customHeight="1">
      <c r="A8" s="67" t="s">
        <v>5</v>
      </c>
      <c r="B8" s="67"/>
      <c r="C8" s="71" t="s">
        <v>6</v>
      </c>
      <c r="D8" s="71"/>
      <c r="E8" s="6" t="s">
        <v>7</v>
      </c>
      <c r="F8" s="7" t="s">
        <v>8</v>
      </c>
    </row>
    <row r="9" spans="1:6" ht="17" customHeight="1">
      <c r="A9" s="67" t="s">
        <v>9</v>
      </c>
      <c r="B9" s="67"/>
      <c r="C9" s="71" t="s">
        <v>10</v>
      </c>
      <c r="D9" s="71"/>
      <c r="E9" s="6" t="s">
        <v>11</v>
      </c>
      <c r="F9" s="7" t="s">
        <v>12</v>
      </c>
    </row>
    <row r="10" spans="1:6" ht="17" customHeight="1">
      <c r="A10" s="67" t="s">
        <v>13</v>
      </c>
      <c r="B10" s="67"/>
      <c r="C10" s="71" t="s">
        <v>14</v>
      </c>
      <c r="D10" s="71"/>
      <c r="E10" s="6" t="s">
        <v>1</v>
      </c>
      <c r="F10" s="7" t="s">
        <v>1</v>
      </c>
    </row>
    <row r="11" spans="1:6" ht="28.4" customHeight="1">
      <c r="A11" s="63" t="s">
        <v>15</v>
      </c>
      <c r="B11" s="63"/>
      <c r="C11" s="64" t="s">
        <v>1</v>
      </c>
      <c r="D11" s="64"/>
      <c r="E11" s="8" t="s">
        <v>1</v>
      </c>
      <c r="F11" s="5" t="s">
        <v>1</v>
      </c>
    </row>
    <row r="12" spans="1:6" ht="17.899999999999999" customHeight="1">
      <c r="A12" s="67" t="s">
        <v>16</v>
      </c>
      <c r="B12" s="67"/>
      <c r="C12" s="71" t="s">
        <v>17</v>
      </c>
      <c r="D12" s="71"/>
      <c r="E12" s="6" t="s">
        <v>1</v>
      </c>
      <c r="F12" s="7" t="s">
        <v>1</v>
      </c>
    </row>
    <row r="13" spans="1:6" ht="17" customHeight="1">
      <c r="A13" s="67" t="s">
        <v>18</v>
      </c>
      <c r="B13" s="67"/>
      <c r="C13" s="71" t="s">
        <v>19</v>
      </c>
      <c r="D13" s="71"/>
      <c r="E13" s="6" t="s">
        <v>20</v>
      </c>
      <c r="F13" s="7" t="s">
        <v>21</v>
      </c>
    </row>
    <row r="14" spans="1:6" ht="22.65" customHeight="1">
      <c r="A14" s="67" t="s">
        <v>22</v>
      </c>
      <c r="B14" s="67"/>
      <c r="C14" s="71" t="s">
        <v>23</v>
      </c>
      <c r="D14" s="71"/>
      <c r="E14" s="6" t="s">
        <v>24</v>
      </c>
      <c r="F14" s="7" t="s">
        <v>25</v>
      </c>
    </row>
    <row r="15" spans="1:6" ht="17.25" customHeight="1">
      <c r="A15" s="67" t="s">
        <v>26</v>
      </c>
      <c r="B15" s="67"/>
      <c r="C15" s="71" t="s">
        <v>17</v>
      </c>
      <c r="D15" s="71"/>
      <c r="E15" s="6" t="s">
        <v>27</v>
      </c>
      <c r="F15" s="7" t="s">
        <v>25</v>
      </c>
    </row>
    <row r="16" spans="1:6" ht="17" customHeight="1">
      <c r="A16" s="67" t="s">
        <v>28</v>
      </c>
      <c r="B16" s="67"/>
      <c r="C16" s="70">
        <v>44652</v>
      </c>
      <c r="D16" s="70"/>
      <c r="E16" s="6" t="s">
        <v>29</v>
      </c>
      <c r="F16" s="9"/>
    </row>
    <row r="17" spans="1:6" ht="17" customHeight="1">
      <c r="A17" s="67" t="s">
        <v>30</v>
      </c>
      <c r="B17" s="67"/>
      <c r="C17" s="69">
        <v>0</v>
      </c>
      <c r="D17" s="69"/>
      <c r="E17" s="6" t="s">
        <v>31</v>
      </c>
      <c r="F17" s="10">
        <v>0</v>
      </c>
    </row>
    <row r="18" spans="1:6" ht="23" customHeight="1">
      <c r="A18" s="67" t="s">
        <v>32</v>
      </c>
      <c r="B18" s="67"/>
      <c r="C18" s="69">
        <v>0</v>
      </c>
      <c r="D18" s="69"/>
      <c r="E18" s="6" t="s">
        <v>1</v>
      </c>
      <c r="F18" s="7" t="s">
        <v>1</v>
      </c>
    </row>
    <row r="19" spans="1:6" ht="28.4" customHeight="1">
      <c r="A19" s="63" t="s">
        <v>33</v>
      </c>
      <c r="B19" s="63"/>
      <c r="C19" s="64" t="s">
        <v>1</v>
      </c>
      <c r="D19" s="64"/>
      <c r="E19" s="8" t="s">
        <v>1</v>
      </c>
      <c r="F19" s="5" t="s">
        <v>1</v>
      </c>
    </row>
    <row r="20" spans="1:6" ht="17" customHeight="1">
      <c r="A20" s="67" t="s">
        <v>34</v>
      </c>
      <c r="B20" s="67"/>
      <c r="C20" s="68" t="s">
        <v>35</v>
      </c>
      <c r="D20" s="68"/>
      <c r="E20" s="6" t="s">
        <v>36</v>
      </c>
      <c r="F20" s="10" t="s">
        <v>37</v>
      </c>
    </row>
    <row r="21" spans="1:6" ht="17" customHeight="1">
      <c r="A21" s="67" t="s">
        <v>38</v>
      </c>
      <c r="B21" s="67"/>
      <c r="C21" s="68" t="s">
        <v>39</v>
      </c>
      <c r="D21" s="68"/>
      <c r="E21" s="6" t="s">
        <v>40</v>
      </c>
      <c r="F21" s="11" t="s">
        <v>41</v>
      </c>
    </row>
    <row r="22" spans="1:6" ht="17" customHeight="1">
      <c r="A22" s="67" t="s">
        <v>42</v>
      </c>
      <c r="B22" s="67"/>
      <c r="C22" s="68" t="s">
        <v>43</v>
      </c>
      <c r="D22" s="68"/>
      <c r="E22" s="6" t="s">
        <v>44</v>
      </c>
      <c r="F22" s="11" t="s">
        <v>1</v>
      </c>
    </row>
    <row r="23" spans="1:6" ht="28.4" customHeight="1">
      <c r="A23" s="63" t="s">
        <v>45</v>
      </c>
      <c r="B23" s="63"/>
      <c r="C23" s="63"/>
      <c r="D23" s="63"/>
      <c r="E23" s="63" t="s">
        <v>46</v>
      </c>
      <c r="F23" s="63"/>
    </row>
    <row r="24" spans="1:6" ht="17" customHeight="1">
      <c r="A24" s="67" t="s">
        <v>47</v>
      </c>
      <c r="B24" s="67"/>
      <c r="C24" s="69" t="s">
        <v>48</v>
      </c>
      <c r="D24" s="69"/>
      <c r="E24" s="6" t="s">
        <v>49</v>
      </c>
      <c r="F24" s="11" t="s">
        <v>50</v>
      </c>
    </row>
    <row r="25" spans="1:6" ht="17" customHeight="1">
      <c r="A25" s="67" t="s">
        <v>51</v>
      </c>
      <c r="B25" s="67"/>
      <c r="C25" s="69" t="s">
        <v>52</v>
      </c>
      <c r="D25" s="69"/>
      <c r="E25" s="6" t="s">
        <v>53</v>
      </c>
      <c r="F25" s="11" t="s">
        <v>54</v>
      </c>
    </row>
    <row r="26" spans="1:6" ht="17" customHeight="1">
      <c r="A26" s="67" t="s">
        <v>55</v>
      </c>
      <c r="B26" s="67"/>
      <c r="C26" s="69" t="s">
        <v>56</v>
      </c>
      <c r="D26" s="69"/>
      <c r="E26" s="6" t="s">
        <v>57</v>
      </c>
      <c r="F26" s="11" t="s">
        <v>58</v>
      </c>
    </row>
    <row r="27" spans="1:6" ht="17" customHeight="1">
      <c r="A27" s="67" t="s">
        <v>59</v>
      </c>
      <c r="B27" s="67"/>
      <c r="C27" s="69" t="s">
        <v>60</v>
      </c>
      <c r="D27" s="69"/>
      <c r="E27" s="12" t="s">
        <v>61</v>
      </c>
      <c r="F27" s="11" t="s">
        <v>62</v>
      </c>
    </row>
    <row r="28" spans="1:6" ht="17" customHeight="1">
      <c r="A28" s="67" t="s">
        <v>63</v>
      </c>
      <c r="B28" s="67"/>
      <c r="C28" s="68" t="s">
        <v>64</v>
      </c>
      <c r="D28" s="68"/>
      <c r="E28" s="6" t="s">
        <v>65</v>
      </c>
      <c r="F28" s="11" t="s">
        <v>66</v>
      </c>
    </row>
    <row r="29" spans="1:6" ht="17" customHeight="1">
      <c r="A29" s="67" t="s">
        <v>67</v>
      </c>
      <c r="B29" s="67"/>
      <c r="C29" s="69" t="s">
        <v>68</v>
      </c>
      <c r="D29" s="69"/>
      <c r="E29" s="6" t="s">
        <v>69</v>
      </c>
      <c r="F29" s="11" t="s">
        <v>70</v>
      </c>
    </row>
    <row r="30" spans="1:6" ht="17" customHeight="1">
      <c r="A30" s="67" t="s">
        <v>71</v>
      </c>
      <c r="B30" s="67"/>
      <c r="C30" s="68" t="s">
        <v>72</v>
      </c>
      <c r="D30" s="68"/>
      <c r="E30" s="12" t="s">
        <v>1</v>
      </c>
      <c r="F30" s="7" t="s">
        <v>1</v>
      </c>
    </row>
    <row r="31" spans="1:6" ht="28.4" customHeight="1">
      <c r="A31" s="63" t="s">
        <v>73</v>
      </c>
      <c r="B31" s="63"/>
      <c r="C31" s="64" t="s">
        <v>1</v>
      </c>
      <c r="D31" s="64"/>
      <c r="E31" s="8" t="s">
        <v>1</v>
      </c>
      <c r="F31" s="5" t="s">
        <v>1</v>
      </c>
    </row>
    <row r="32" spans="1:6" ht="28.4" customHeight="1">
      <c r="A32" s="65" t="s">
        <v>74</v>
      </c>
      <c r="B32" s="65"/>
      <c r="C32" s="66" t="s">
        <v>1</v>
      </c>
      <c r="D32" s="66"/>
      <c r="E32" s="66"/>
      <c r="F32" s="66"/>
    </row>
    <row r="33" spans="1:6" ht="28.4" customHeight="1">
      <c r="A33" s="65" t="s">
        <v>75</v>
      </c>
      <c r="B33" s="65"/>
      <c r="C33" s="66" t="s">
        <v>1</v>
      </c>
      <c r="D33" s="66"/>
      <c r="E33" s="66"/>
      <c r="F33" s="66"/>
    </row>
    <row r="34" spans="1:6" ht="62.4" customHeight="1">
      <c r="A34" s="1"/>
      <c r="B34" s="1"/>
      <c r="C34" s="1"/>
      <c r="D34" s="1"/>
      <c r="E34" s="1"/>
      <c r="F34" s="1"/>
    </row>
  </sheetData>
  <mergeCells count="59">
    <mergeCell ref="A1:A3"/>
    <mergeCell ref="D2:F2"/>
    <mergeCell ref="A5:F5"/>
    <mergeCell ref="A6:B6"/>
    <mergeCell ref="C6:D6"/>
    <mergeCell ref="A7:B7"/>
    <mergeCell ref="C7:E7"/>
    <mergeCell ref="A8:B8"/>
    <mergeCell ref="C8:D8"/>
    <mergeCell ref="A9:B9"/>
    <mergeCell ref="C9:D9"/>
    <mergeCell ref="A10:B10"/>
    <mergeCell ref="C10:D10"/>
    <mergeCell ref="A11:B11"/>
    <mergeCell ref="C11:D11"/>
    <mergeCell ref="A12:B12"/>
    <mergeCell ref="C12:D12"/>
    <mergeCell ref="A13:B13"/>
    <mergeCell ref="C13:D13"/>
    <mergeCell ref="A14:B14"/>
    <mergeCell ref="C14:D14"/>
    <mergeCell ref="A15:B15"/>
    <mergeCell ref="C15:D15"/>
    <mergeCell ref="A16:B16"/>
    <mergeCell ref="C16:D16"/>
    <mergeCell ref="A17:B17"/>
    <mergeCell ref="C17:D17"/>
    <mergeCell ref="A18:B18"/>
    <mergeCell ref="C18:D18"/>
    <mergeCell ref="A19:B19"/>
    <mergeCell ref="C19:D19"/>
    <mergeCell ref="A20:B20"/>
    <mergeCell ref="C20:D20"/>
    <mergeCell ref="A21:B21"/>
    <mergeCell ref="C21:D21"/>
    <mergeCell ref="A22:B22"/>
    <mergeCell ref="C22:D22"/>
    <mergeCell ref="A23:D23"/>
    <mergeCell ref="E23:F23"/>
    <mergeCell ref="A24:B24"/>
    <mergeCell ref="C24:D24"/>
    <mergeCell ref="A25:B25"/>
    <mergeCell ref="C25:D25"/>
    <mergeCell ref="A26:B26"/>
    <mergeCell ref="C26:D26"/>
    <mergeCell ref="A27:B27"/>
    <mergeCell ref="C27:D27"/>
    <mergeCell ref="A28:B28"/>
    <mergeCell ref="C28:D28"/>
    <mergeCell ref="A29:B29"/>
    <mergeCell ref="C29:D29"/>
    <mergeCell ref="A30:B30"/>
    <mergeCell ref="C30:D30"/>
    <mergeCell ref="A31:B31"/>
    <mergeCell ref="C31:D31"/>
    <mergeCell ref="A32:B32"/>
    <mergeCell ref="C32:F32"/>
    <mergeCell ref="A33:B33"/>
    <mergeCell ref="C33:F33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T34"/>
  <sheetViews>
    <sheetView showGridLines="0" workbookViewId="0">
      <pane ySplit="5" topLeftCell="A7" activePane="bottomLeft" state="frozenSplit"/>
      <selection pane="bottomLeft" sqref="A1:D3"/>
    </sheetView>
  </sheetViews>
  <sheetFormatPr defaultRowHeight="15" customHeight="1"/>
  <cols>
    <col min="1" max="1" width="6" customWidth="1"/>
    <col min="2" max="2" width="0.1796875" customWidth="1"/>
    <col min="3" max="3" width="10.54296875" customWidth="1"/>
    <col min="4" max="4" width="4" customWidth="1"/>
    <col min="5" max="5" width="12.1796875" customWidth="1"/>
    <col min="6" max="6" width="1.54296875" customWidth="1"/>
    <col min="7" max="7" width="6.54296875" customWidth="1"/>
    <col min="8" max="8" width="1.54296875" customWidth="1"/>
    <col min="9" max="9" width="9.54296875" customWidth="1"/>
    <col min="10" max="10" width="3.453125" customWidth="1"/>
    <col min="11" max="11" width="5.453125" customWidth="1"/>
    <col min="12" max="12" width="2.1796875" customWidth="1"/>
    <col min="13" max="13" width="5.90625" customWidth="1"/>
    <col min="14" max="14" width="5.1796875" customWidth="1"/>
    <col min="15" max="15" width="2.453125" customWidth="1"/>
    <col min="16" max="16" width="5" customWidth="1"/>
    <col min="17" max="17" width="7.90625" customWidth="1"/>
    <col min="18" max="18" width="11.08984375" customWidth="1"/>
    <col min="19" max="19" width="0.90625" customWidth="1"/>
    <col min="20" max="20" width="8.1796875" customWidth="1"/>
  </cols>
  <sheetData>
    <row r="1" spans="1:20" ht="18.899999999999999" customHeight="1">
      <c r="A1" s="98"/>
      <c r="B1" s="98"/>
      <c r="C1" s="98"/>
      <c r="D1" s="98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  <c r="Q1" s="13"/>
      <c r="R1" s="13"/>
      <c r="S1" s="13"/>
      <c r="T1" s="13"/>
    </row>
    <row r="2" spans="1:20" ht="23.5" customHeight="1">
      <c r="A2" s="72"/>
      <c r="B2" s="72"/>
      <c r="C2" s="72"/>
      <c r="D2" s="72"/>
      <c r="E2" s="1"/>
      <c r="F2" s="1"/>
      <c r="G2" s="1"/>
      <c r="H2" s="73" t="s">
        <v>76</v>
      </c>
      <c r="I2" s="73"/>
      <c r="J2" s="73"/>
      <c r="K2" s="73"/>
      <c r="L2" s="73"/>
      <c r="M2" s="73"/>
      <c r="N2" s="73"/>
      <c r="O2" s="73"/>
      <c r="P2" s="73"/>
      <c r="Q2" s="73"/>
      <c r="R2" s="73"/>
      <c r="S2" s="73"/>
      <c r="T2" s="73"/>
    </row>
    <row r="3" spans="1:20" ht="17" customHeight="1">
      <c r="A3" s="72"/>
      <c r="B3" s="72"/>
      <c r="C3" s="72"/>
      <c r="D3" s="72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</row>
    <row r="4" spans="1:20" ht="5.25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</row>
    <row r="5" spans="1:20" ht="17" customHeight="1">
      <c r="A5" s="74" t="s">
        <v>1</v>
      </c>
      <c r="B5" s="74"/>
      <c r="C5" s="74"/>
      <c r="D5" s="74"/>
      <c r="E5" s="74"/>
      <c r="F5" s="74"/>
      <c r="G5" s="74"/>
      <c r="H5" s="74"/>
      <c r="I5" s="74"/>
      <c r="J5" s="74"/>
      <c r="K5" s="74"/>
      <c r="L5" s="74"/>
      <c r="M5" s="74"/>
      <c r="N5" s="74"/>
      <c r="O5" s="74"/>
      <c r="P5" s="74"/>
      <c r="Q5" s="74"/>
      <c r="R5" s="74"/>
      <c r="S5" s="74"/>
      <c r="T5" s="74"/>
    </row>
    <row r="6" spans="1:20" ht="14.4" customHeight="1">
      <c r="A6" s="96" t="s">
        <v>77</v>
      </c>
      <c r="B6" s="96"/>
      <c r="C6" s="96"/>
      <c r="D6" s="97" t="s">
        <v>1</v>
      </c>
      <c r="E6" s="97"/>
      <c r="F6" s="93" t="s">
        <v>1</v>
      </c>
      <c r="G6" s="93"/>
      <c r="H6" s="93" t="s">
        <v>1</v>
      </c>
      <c r="I6" s="93"/>
      <c r="J6" s="93" t="s">
        <v>1</v>
      </c>
      <c r="K6" s="93"/>
      <c r="L6" s="93"/>
      <c r="M6" s="93" t="s">
        <v>1</v>
      </c>
      <c r="N6" s="93"/>
      <c r="O6" s="93" t="s">
        <v>1</v>
      </c>
      <c r="P6" s="93"/>
      <c r="Q6" s="14" t="s">
        <v>1</v>
      </c>
      <c r="R6" s="14" t="s">
        <v>1</v>
      </c>
      <c r="S6" s="1"/>
      <c r="T6" s="1"/>
    </row>
    <row r="7" spans="1:20" ht="39" customHeight="1">
      <c r="A7" s="15" t="s">
        <v>78</v>
      </c>
      <c r="B7" s="94" t="s">
        <v>79</v>
      </c>
      <c r="C7" s="94"/>
      <c r="D7" s="94" t="s">
        <v>80</v>
      </c>
      <c r="E7" s="94"/>
      <c r="F7" s="95" t="s">
        <v>81</v>
      </c>
      <c r="G7" s="95"/>
      <c r="H7" s="95" t="s">
        <v>82</v>
      </c>
      <c r="I7" s="95"/>
      <c r="J7" s="95" t="s">
        <v>83</v>
      </c>
      <c r="K7" s="95"/>
      <c r="L7" s="95"/>
      <c r="M7" s="95" t="s">
        <v>84</v>
      </c>
      <c r="N7" s="95"/>
      <c r="O7" s="95" t="s">
        <v>85</v>
      </c>
      <c r="P7" s="95"/>
      <c r="Q7" s="16" t="s">
        <v>86</v>
      </c>
      <c r="R7" s="1"/>
      <c r="S7" s="1"/>
      <c r="T7" s="1"/>
    </row>
    <row r="8" spans="1:20" ht="14.4" customHeight="1">
      <c r="A8" s="17" t="s">
        <v>1</v>
      </c>
      <c r="B8" s="82" t="s">
        <v>1</v>
      </c>
      <c r="C8" s="82"/>
      <c r="D8" s="82" t="s">
        <v>1</v>
      </c>
      <c r="E8" s="82"/>
      <c r="F8" s="82" t="s">
        <v>1</v>
      </c>
      <c r="G8" s="82"/>
      <c r="H8" s="83" t="s">
        <v>1</v>
      </c>
      <c r="I8" s="83"/>
      <c r="J8" s="83" t="s">
        <v>1</v>
      </c>
      <c r="K8" s="83"/>
      <c r="L8" s="83"/>
      <c r="M8" s="83" t="s">
        <v>1</v>
      </c>
      <c r="N8" s="83"/>
      <c r="O8" s="83" t="s">
        <v>1</v>
      </c>
      <c r="P8" s="83"/>
      <c r="Q8" s="12" t="s">
        <v>1</v>
      </c>
      <c r="R8" s="12" t="s">
        <v>1</v>
      </c>
      <c r="S8" s="1"/>
      <c r="T8" s="1"/>
    </row>
    <row r="9" spans="1:20" ht="14.4" customHeight="1">
      <c r="A9" s="18" t="s">
        <v>1</v>
      </c>
      <c r="B9" s="90" t="s">
        <v>87</v>
      </c>
      <c r="C9" s="90"/>
      <c r="D9" s="90"/>
      <c r="E9" s="90"/>
      <c r="F9" s="91" t="s">
        <v>1</v>
      </c>
      <c r="G9" s="91"/>
      <c r="H9" s="92">
        <v>1</v>
      </c>
      <c r="I9" s="92"/>
      <c r="J9" s="92" t="s">
        <v>1</v>
      </c>
      <c r="K9" s="92"/>
      <c r="L9" s="92"/>
      <c r="M9" s="92">
        <v>1</v>
      </c>
      <c r="N9" s="92"/>
      <c r="O9" s="92">
        <v>2.6667E-2</v>
      </c>
      <c r="P9" s="92"/>
      <c r="Q9" s="20" t="s">
        <v>1</v>
      </c>
      <c r="R9" s="1"/>
      <c r="S9" s="1"/>
      <c r="T9" s="1"/>
    </row>
    <row r="10" spans="1:20" ht="14.4" customHeight="1">
      <c r="A10" s="18" t="s">
        <v>1</v>
      </c>
      <c r="B10" s="90" t="s">
        <v>88</v>
      </c>
      <c r="C10" s="90"/>
      <c r="D10" s="90"/>
      <c r="E10" s="90"/>
      <c r="F10" s="91" t="s">
        <v>1</v>
      </c>
      <c r="G10" s="91"/>
      <c r="H10" s="92">
        <v>52.178571428571402</v>
      </c>
      <c r="I10" s="92"/>
      <c r="J10" s="92" t="s">
        <v>1</v>
      </c>
      <c r="K10" s="92"/>
      <c r="L10" s="92"/>
      <c r="M10" s="92">
        <v>52.178570999999998</v>
      </c>
      <c r="N10" s="92"/>
      <c r="O10" s="89" t="s">
        <v>1</v>
      </c>
      <c r="P10" s="89"/>
      <c r="Q10" s="20" t="s">
        <v>1</v>
      </c>
      <c r="R10" s="1"/>
      <c r="S10" s="1"/>
      <c r="T10" s="1"/>
    </row>
    <row r="11" spans="1:20" ht="14.4" customHeight="1">
      <c r="A11" s="17" t="s">
        <v>1</v>
      </c>
      <c r="B11" s="77" t="s">
        <v>1</v>
      </c>
      <c r="C11" s="77"/>
      <c r="D11" s="77" t="s">
        <v>1</v>
      </c>
      <c r="E11" s="77"/>
      <c r="F11" s="77" t="s">
        <v>1</v>
      </c>
      <c r="G11" s="77"/>
      <c r="H11" s="76" t="s">
        <v>1</v>
      </c>
      <c r="I11" s="76"/>
      <c r="J11" s="76" t="s">
        <v>1</v>
      </c>
      <c r="K11" s="76"/>
      <c r="L11" s="76"/>
      <c r="M11" s="76" t="s">
        <v>1</v>
      </c>
      <c r="N11" s="76"/>
      <c r="O11" s="76" t="s">
        <v>1</v>
      </c>
      <c r="P11" s="76"/>
      <c r="Q11" s="21" t="s">
        <v>1</v>
      </c>
      <c r="R11" s="21" t="s">
        <v>1</v>
      </c>
      <c r="S11" s="1"/>
      <c r="T11" s="1"/>
    </row>
    <row r="12" spans="1:20" ht="17" customHeight="1">
      <c r="A12" s="17">
        <v>1</v>
      </c>
      <c r="B12" s="86" t="s">
        <v>89</v>
      </c>
      <c r="C12" s="86"/>
      <c r="D12" s="87" t="s">
        <v>90</v>
      </c>
      <c r="E12" s="87"/>
      <c r="F12" s="88">
        <v>30.015000000000001</v>
      </c>
      <c r="G12" s="88"/>
      <c r="H12" s="85">
        <v>1</v>
      </c>
      <c r="I12" s="85"/>
      <c r="J12" s="85">
        <v>0</v>
      </c>
      <c r="K12" s="85"/>
      <c r="L12" s="85"/>
      <c r="M12" s="85">
        <v>1</v>
      </c>
      <c r="N12" s="85"/>
      <c r="O12" s="85">
        <v>2.6667E-2</v>
      </c>
      <c r="P12" s="85"/>
      <c r="Q12" s="23">
        <v>0</v>
      </c>
      <c r="R12" s="1"/>
      <c r="S12" s="1"/>
      <c r="T12" s="1"/>
    </row>
    <row r="13" spans="1:20" ht="17" customHeight="1">
      <c r="A13" s="17" t="s">
        <v>1</v>
      </c>
      <c r="B13" s="77" t="s">
        <v>1</v>
      </c>
      <c r="C13" s="77"/>
      <c r="D13" s="77" t="s">
        <v>1</v>
      </c>
      <c r="E13" s="77"/>
      <c r="F13" s="77" t="s">
        <v>1</v>
      </c>
      <c r="G13" s="77"/>
      <c r="H13" s="76" t="s">
        <v>1</v>
      </c>
      <c r="I13" s="76"/>
      <c r="J13" s="76" t="s">
        <v>1</v>
      </c>
      <c r="K13" s="76"/>
      <c r="L13" s="76"/>
      <c r="M13" s="76" t="s">
        <v>1</v>
      </c>
      <c r="N13" s="76"/>
      <c r="O13" s="76" t="s">
        <v>1</v>
      </c>
      <c r="P13" s="76"/>
      <c r="Q13" s="21" t="s">
        <v>1</v>
      </c>
      <c r="R13" s="21" t="s">
        <v>1</v>
      </c>
      <c r="S13" s="1"/>
      <c r="T13" s="1"/>
    </row>
    <row r="14" spans="1:20" ht="14.4" customHeight="1">
      <c r="A14" s="96" t="s">
        <v>91</v>
      </c>
      <c r="B14" s="96"/>
      <c r="C14" s="96"/>
      <c r="D14" s="97" t="s">
        <v>1</v>
      </c>
      <c r="E14" s="97"/>
      <c r="F14" s="93" t="s">
        <v>1</v>
      </c>
      <c r="G14" s="93"/>
      <c r="H14" s="93" t="s">
        <v>1</v>
      </c>
      <c r="I14" s="93"/>
      <c r="J14" s="93" t="s">
        <v>1</v>
      </c>
      <c r="K14" s="93"/>
      <c r="L14" s="93"/>
      <c r="M14" s="93" t="s">
        <v>1</v>
      </c>
      <c r="N14" s="93"/>
      <c r="O14" s="93" t="s">
        <v>1</v>
      </c>
      <c r="P14" s="93"/>
      <c r="Q14" s="14" t="s">
        <v>1</v>
      </c>
      <c r="R14" s="14" t="s">
        <v>1</v>
      </c>
      <c r="S14" s="93" t="s">
        <v>1</v>
      </c>
      <c r="T14" s="93"/>
    </row>
    <row r="15" spans="1:20" ht="39" customHeight="1">
      <c r="A15" s="15" t="s">
        <v>78</v>
      </c>
      <c r="B15" s="94" t="s">
        <v>79</v>
      </c>
      <c r="C15" s="94"/>
      <c r="D15" s="94" t="s">
        <v>80</v>
      </c>
      <c r="E15" s="94"/>
      <c r="F15" s="95" t="s">
        <v>81</v>
      </c>
      <c r="G15" s="95"/>
      <c r="H15" s="95" t="s">
        <v>92</v>
      </c>
      <c r="I15" s="95"/>
      <c r="J15" s="95" t="s">
        <v>93</v>
      </c>
      <c r="K15" s="95"/>
      <c r="L15" s="95"/>
      <c r="M15" s="95" t="s">
        <v>94</v>
      </c>
      <c r="N15" s="95"/>
      <c r="O15" s="95" t="s">
        <v>85</v>
      </c>
      <c r="P15" s="95"/>
      <c r="Q15" s="16" t="s">
        <v>86</v>
      </c>
      <c r="R15" s="16" t="s">
        <v>95</v>
      </c>
      <c r="S15" s="95" t="s">
        <v>96</v>
      </c>
      <c r="T15" s="95"/>
    </row>
    <row r="16" spans="1:20" ht="14.4" customHeight="1">
      <c r="A16" s="17" t="s">
        <v>1</v>
      </c>
      <c r="B16" s="82" t="s">
        <v>1</v>
      </c>
      <c r="C16" s="82"/>
      <c r="D16" s="82" t="s">
        <v>1</v>
      </c>
      <c r="E16" s="82"/>
      <c r="F16" s="82" t="s">
        <v>1</v>
      </c>
      <c r="G16" s="82"/>
      <c r="H16" s="83" t="s">
        <v>1</v>
      </c>
      <c r="I16" s="83"/>
      <c r="J16" s="83" t="s">
        <v>1</v>
      </c>
      <c r="K16" s="83"/>
      <c r="L16" s="83"/>
      <c r="M16" s="83" t="s">
        <v>1</v>
      </c>
      <c r="N16" s="83"/>
      <c r="O16" s="83" t="s">
        <v>1</v>
      </c>
      <c r="P16" s="83"/>
      <c r="Q16" s="12" t="s">
        <v>1</v>
      </c>
      <c r="R16" s="12" t="s">
        <v>1</v>
      </c>
      <c r="S16" s="83" t="s">
        <v>1</v>
      </c>
      <c r="T16" s="83"/>
    </row>
    <row r="17" spans="1:20" ht="19.5" customHeight="1">
      <c r="A17" s="18" t="s">
        <v>1</v>
      </c>
      <c r="B17" s="90" t="s">
        <v>97</v>
      </c>
      <c r="C17" s="90"/>
      <c r="D17" s="90"/>
      <c r="E17" s="90"/>
      <c r="F17" s="91" t="s">
        <v>1</v>
      </c>
      <c r="G17" s="91"/>
      <c r="H17" s="92">
        <v>20</v>
      </c>
      <c r="I17" s="92"/>
      <c r="J17" s="92" t="s">
        <v>1</v>
      </c>
      <c r="K17" s="92"/>
      <c r="L17" s="92"/>
      <c r="M17" s="92">
        <v>20</v>
      </c>
      <c r="N17" s="92"/>
      <c r="O17" s="92">
        <v>0.53333399999999997</v>
      </c>
      <c r="P17" s="92"/>
      <c r="Q17" s="20" t="s">
        <v>1</v>
      </c>
      <c r="R17" s="19">
        <v>19.156742000000001</v>
      </c>
      <c r="S17" s="89" t="s">
        <v>1</v>
      </c>
      <c r="T17" s="89"/>
    </row>
    <row r="18" spans="1:20" ht="19.5" customHeight="1">
      <c r="A18" s="18" t="s">
        <v>1</v>
      </c>
      <c r="B18" s="90" t="s">
        <v>98</v>
      </c>
      <c r="C18" s="90"/>
      <c r="D18" s="90"/>
      <c r="E18" s="90"/>
      <c r="F18" s="91" t="s">
        <v>1</v>
      </c>
      <c r="G18" s="91"/>
      <c r="H18" s="92">
        <v>1043.57142857143</v>
      </c>
      <c r="I18" s="92"/>
      <c r="J18" s="92" t="s">
        <v>1</v>
      </c>
      <c r="K18" s="92"/>
      <c r="L18" s="92"/>
      <c r="M18" s="92">
        <v>1043.571428</v>
      </c>
      <c r="N18" s="92"/>
      <c r="O18" s="89" t="s">
        <v>1</v>
      </c>
      <c r="P18" s="89"/>
      <c r="Q18" s="20" t="s">
        <v>1</v>
      </c>
      <c r="R18" s="19">
        <v>999.57142799999997</v>
      </c>
      <c r="S18" s="89" t="s">
        <v>1</v>
      </c>
      <c r="T18" s="89"/>
    </row>
    <row r="19" spans="1:20" ht="14.4" customHeight="1">
      <c r="A19" s="17" t="s">
        <v>1</v>
      </c>
      <c r="B19" s="77" t="s">
        <v>1</v>
      </c>
      <c r="C19" s="77"/>
      <c r="D19" s="77" t="s">
        <v>1</v>
      </c>
      <c r="E19" s="77"/>
      <c r="F19" s="77" t="s">
        <v>1</v>
      </c>
      <c r="G19" s="77"/>
      <c r="H19" s="76" t="s">
        <v>1</v>
      </c>
      <c r="I19" s="76"/>
      <c r="J19" s="76" t="s">
        <v>1</v>
      </c>
      <c r="K19" s="76"/>
      <c r="L19" s="76"/>
      <c r="M19" s="76" t="s">
        <v>1</v>
      </c>
      <c r="N19" s="76"/>
      <c r="O19" s="76" t="s">
        <v>1</v>
      </c>
      <c r="P19" s="76"/>
      <c r="Q19" s="21" t="s">
        <v>1</v>
      </c>
      <c r="R19" s="21" t="s">
        <v>1</v>
      </c>
      <c r="S19" s="76" t="s">
        <v>1</v>
      </c>
      <c r="T19" s="76"/>
    </row>
    <row r="20" spans="1:20" ht="17" customHeight="1">
      <c r="A20" s="17">
        <v>1</v>
      </c>
      <c r="B20" s="86" t="s">
        <v>99</v>
      </c>
      <c r="C20" s="86"/>
      <c r="D20" s="87" t="s">
        <v>100</v>
      </c>
      <c r="E20" s="87"/>
      <c r="F20" s="88">
        <v>26.392499999999998</v>
      </c>
      <c r="G20" s="88"/>
      <c r="H20" s="85">
        <v>10</v>
      </c>
      <c r="I20" s="85"/>
      <c r="J20" s="85">
        <v>0</v>
      </c>
      <c r="K20" s="85"/>
      <c r="L20" s="85"/>
      <c r="M20" s="85">
        <v>10</v>
      </c>
      <c r="N20" s="85"/>
      <c r="O20" s="85">
        <v>0.26666699999999999</v>
      </c>
      <c r="P20" s="85"/>
      <c r="Q20" s="23">
        <v>1</v>
      </c>
      <c r="R20" s="22">
        <v>9.58</v>
      </c>
      <c r="S20" s="76" t="s">
        <v>101</v>
      </c>
      <c r="T20" s="76"/>
    </row>
    <row r="21" spans="1:20" ht="17" customHeight="1">
      <c r="A21" s="17">
        <v>2</v>
      </c>
      <c r="B21" s="86" t="s">
        <v>102</v>
      </c>
      <c r="C21" s="86"/>
      <c r="D21" s="87" t="s">
        <v>100</v>
      </c>
      <c r="E21" s="87"/>
      <c r="F21" s="88">
        <v>26.392499999999998</v>
      </c>
      <c r="G21" s="88"/>
      <c r="H21" s="85">
        <v>10</v>
      </c>
      <c r="I21" s="85"/>
      <c r="J21" s="85">
        <v>0</v>
      </c>
      <c r="K21" s="85"/>
      <c r="L21" s="85"/>
      <c r="M21" s="85">
        <v>10</v>
      </c>
      <c r="N21" s="85"/>
      <c r="O21" s="85">
        <v>0.26666699999999999</v>
      </c>
      <c r="P21" s="85"/>
      <c r="Q21" s="23">
        <v>1</v>
      </c>
      <c r="R21" s="22">
        <v>9.58</v>
      </c>
      <c r="S21" s="76" t="s">
        <v>101</v>
      </c>
      <c r="T21" s="76"/>
    </row>
    <row r="22" spans="1:20" ht="17" customHeight="1">
      <c r="A22" s="17" t="s">
        <v>1</v>
      </c>
      <c r="B22" s="77" t="s">
        <v>1</v>
      </c>
      <c r="C22" s="77"/>
      <c r="D22" s="77" t="s">
        <v>1</v>
      </c>
      <c r="E22" s="77"/>
      <c r="F22" s="77" t="s">
        <v>1</v>
      </c>
      <c r="G22" s="77"/>
      <c r="H22" s="76" t="s">
        <v>1</v>
      </c>
      <c r="I22" s="76"/>
      <c r="J22" s="76" t="s">
        <v>1</v>
      </c>
      <c r="K22" s="76"/>
      <c r="L22" s="76"/>
      <c r="M22" s="76" t="s">
        <v>1</v>
      </c>
      <c r="N22" s="76"/>
      <c r="O22" s="76" t="s">
        <v>1</v>
      </c>
      <c r="P22" s="76"/>
      <c r="Q22" s="21" t="s">
        <v>1</v>
      </c>
      <c r="R22" s="21" t="s">
        <v>1</v>
      </c>
      <c r="S22" s="76" t="s">
        <v>1</v>
      </c>
      <c r="T22" s="76"/>
    </row>
    <row r="23" spans="1:20" ht="13.65" customHeight="1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</row>
    <row r="24" spans="1:20" ht="14.4" customHeight="1">
      <c r="A24" s="84" t="s">
        <v>103</v>
      </c>
      <c r="B24" s="84"/>
      <c r="C24" s="84"/>
      <c r="D24" s="84"/>
      <c r="E24" s="84"/>
      <c r="F24" s="84"/>
      <c r="G24" s="81" t="s">
        <v>1</v>
      </c>
      <c r="H24" s="81"/>
      <c r="I24" s="81" t="s">
        <v>1</v>
      </c>
      <c r="J24" s="81"/>
      <c r="K24" s="24" t="s">
        <v>1</v>
      </c>
      <c r="L24" s="81" t="s">
        <v>1</v>
      </c>
      <c r="M24" s="81"/>
      <c r="N24" s="81" t="s">
        <v>1</v>
      </c>
      <c r="O24" s="81"/>
      <c r="P24" s="81" t="s">
        <v>1</v>
      </c>
      <c r="Q24" s="81"/>
      <c r="R24" s="81"/>
      <c r="S24" s="81"/>
      <c r="T24" s="24" t="s">
        <v>1</v>
      </c>
    </row>
    <row r="25" spans="1:20" ht="14.4" customHeight="1">
      <c r="A25" s="17" t="s">
        <v>1</v>
      </c>
      <c r="B25" s="77" t="s">
        <v>1</v>
      </c>
      <c r="C25" s="77"/>
      <c r="D25" s="77"/>
      <c r="E25" s="77"/>
      <c r="F25" s="77"/>
      <c r="G25" s="82" t="s">
        <v>1</v>
      </c>
      <c r="H25" s="82"/>
      <c r="I25" s="83" t="s">
        <v>1</v>
      </c>
      <c r="J25" s="83"/>
      <c r="K25" s="12" t="s">
        <v>1</v>
      </c>
      <c r="L25" s="83" t="s">
        <v>1</v>
      </c>
      <c r="M25" s="83"/>
      <c r="N25" s="83" t="s">
        <v>1</v>
      </c>
      <c r="O25" s="83"/>
      <c r="P25" s="83" t="s">
        <v>1</v>
      </c>
      <c r="Q25" s="83"/>
      <c r="R25" s="83"/>
      <c r="S25" s="83"/>
      <c r="T25" s="12" t="s">
        <v>1</v>
      </c>
    </row>
    <row r="26" spans="1:20" ht="27.9" customHeight="1">
      <c r="A26" s="78" t="s">
        <v>104</v>
      </c>
      <c r="B26" s="78"/>
      <c r="C26" s="78"/>
      <c r="D26" s="78"/>
      <c r="E26" s="78"/>
      <c r="F26" s="78"/>
      <c r="G26" s="79">
        <v>20</v>
      </c>
      <c r="H26" s="79"/>
      <c r="I26" s="80" t="s">
        <v>105</v>
      </c>
      <c r="J26" s="80"/>
      <c r="K26" s="80"/>
      <c r="L26" s="79">
        <v>0</v>
      </c>
      <c r="M26" s="79"/>
      <c r="N26" s="80" t="s">
        <v>106</v>
      </c>
      <c r="O26" s="80"/>
      <c r="P26" s="80"/>
      <c r="Q26" s="80"/>
      <c r="R26" s="80"/>
      <c r="S26" s="80"/>
      <c r="T26" s="25">
        <v>20</v>
      </c>
    </row>
    <row r="27" spans="1:20" ht="14.4" customHeight="1">
      <c r="A27" s="17" t="s">
        <v>1</v>
      </c>
      <c r="B27" s="77" t="s">
        <v>1</v>
      </c>
      <c r="C27" s="77"/>
      <c r="D27" s="77"/>
      <c r="E27" s="77"/>
      <c r="F27" s="77"/>
      <c r="G27" s="77" t="s">
        <v>1</v>
      </c>
      <c r="H27" s="77"/>
      <c r="I27" s="76" t="s">
        <v>1</v>
      </c>
      <c r="J27" s="76"/>
      <c r="K27" s="21" t="s">
        <v>1</v>
      </c>
      <c r="L27" s="76" t="s">
        <v>1</v>
      </c>
      <c r="M27" s="76"/>
      <c r="N27" s="76" t="s">
        <v>1</v>
      </c>
      <c r="O27" s="76"/>
      <c r="P27" s="76" t="s">
        <v>1</v>
      </c>
      <c r="Q27" s="76"/>
      <c r="R27" s="76"/>
      <c r="S27" s="76"/>
      <c r="T27" s="21" t="s">
        <v>1</v>
      </c>
    </row>
    <row r="28" spans="1:20" ht="17" customHeight="1">
      <c r="A28" s="17" t="s">
        <v>1</v>
      </c>
      <c r="B28" s="77" t="s">
        <v>1</v>
      </c>
      <c r="C28" s="77"/>
      <c r="D28" s="77"/>
      <c r="E28" s="77"/>
      <c r="F28" s="77"/>
      <c r="G28" s="77" t="s">
        <v>1</v>
      </c>
      <c r="H28" s="77"/>
      <c r="I28" s="76" t="s">
        <v>1</v>
      </c>
      <c r="J28" s="76"/>
      <c r="K28" s="21" t="s">
        <v>1</v>
      </c>
      <c r="L28" s="76" t="s">
        <v>1</v>
      </c>
      <c r="M28" s="76"/>
      <c r="N28" s="76" t="s">
        <v>1</v>
      </c>
      <c r="O28" s="76"/>
      <c r="P28" s="76" t="s">
        <v>1</v>
      </c>
      <c r="Q28" s="76"/>
      <c r="R28" s="76"/>
      <c r="S28" s="76"/>
      <c r="T28" s="21" t="s">
        <v>1</v>
      </c>
    </row>
    <row r="29" spans="1:20" ht="12.65" customHeight="1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</row>
    <row r="30" spans="1:20" ht="14.4" customHeight="1">
      <c r="A30" s="84" t="s">
        <v>107</v>
      </c>
      <c r="B30" s="84"/>
      <c r="C30" s="84"/>
      <c r="D30" s="84"/>
      <c r="E30" s="84"/>
      <c r="F30" s="84"/>
      <c r="G30" s="81" t="s">
        <v>1</v>
      </c>
      <c r="H30" s="81"/>
      <c r="I30" s="81" t="s">
        <v>1</v>
      </c>
      <c r="J30" s="81"/>
      <c r="K30" s="24" t="s">
        <v>1</v>
      </c>
      <c r="L30" s="81" t="s">
        <v>1</v>
      </c>
      <c r="M30" s="81"/>
      <c r="N30" s="81" t="s">
        <v>1</v>
      </c>
      <c r="O30" s="81"/>
      <c r="P30" s="81" t="s">
        <v>1</v>
      </c>
      <c r="Q30" s="81"/>
      <c r="R30" s="81"/>
      <c r="S30" s="81"/>
      <c r="T30" s="24" t="s">
        <v>1</v>
      </c>
    </row>
    <row r="31" spans="1:20" ht="14.4" customHeight="1">
      <c r="A31" s="77" t="s">
        <v>1</v>
      </c>
      <c r="B31" s="77"/>
      <c r="C31" s="77" t="s">
        <v>1</v>
      </c>
      <c r="D31" s="77"/>
      <c r="E31" s="77"/>
      <c r="F31" s="77"/>
      <c r="G31" s="82" t="s">
        <v>1</v>
      </c>
      <c r="H31" s="82"/>
      <c r="I31" s="83" t="s">
        <v>1</v>
      </c>
      <c r="J31" s="83"/>
      <c r="K31" s="12" t="s">
        <v>1</v>
      </c>
      <c r="L31" s="83" t="s">
        <v>1</v>
      </c>
      <c r="M31" s="83"/>
      <c r="N31" s="83" t="s">
        <v>1</v>
      </c>
      <c r="O31" s="83"/>
      <c r="P31" s="83" t="s">
        <v>1</v>
      </c>
      <c r="Q31" s="83"/>
      <c r="R31" s="83"/>
      <c r="S31" s="83"/>
      <c r="T31" s="12" t="s">
        <v>1</v>
      </c>
    </row>
    <row r="32" spans="1:20" ht="27.9" customHeight="1">
      <c r="A32" s="78" t="s">
        <v>108</v>
      </c>
      <c r="B32" s="78"/>
      <c r="C32" s="78"/>
      <c r="D32" s="78"/>
      <c r="E32" s="78"/>
      <c r="F32" s="78"/>
      <c r="G32" s="79">
        <v>1</v>
      </c>
      <c r="H32" s="79"/>
      <c r="I32" s="80" t="s">
        <v>105</v>
      </c>
      <c r="J32" s="80"/>
      <c r="K32" s="80"/>
      <c r="L32" s="79">
        <v>0</v>
      </c>
      <c r="M32" s="79"/>
      <c r="N32" s="80" t="s">
        <v>109</v>
      </c>
      <c r="O32" s="80"/>
      <c r="P32" s="80"/>
      <c r="Q32" s="80"/>
      <c r="R32" s="80"/>
      <c r="S32" s="80"/>
      <c r="T32" s="25">
        <v>1</v>
      </c>
    </row>
    <row r="33" spans="1:20" ht="14.4" customHeight="1">
      <c r="A33" s="77" t="s">
        <v>1</v>
      </c>
      <c r="B33" s="77"/>
      <c r="C33" s="77" t="s">
        <v>1</v>
      </c>
      <c r="D33" s="77"/>
      <c r="E33" s="77"/>
      <c r="F33" s="77"/>
      <c r="G33" s="77" t="s">
        <v>1</v>
      </c>
      <c r="H33" s="77"/>
      <c r="I33" s="76" t="s">
        <v>1</v>
      </c>
      <c r="J33" s="76"/>
      <c r="K33" s="21" t="s">
        <v>1</v>
      </c>
      <c r="L33" s="76" t="s">
        <v>1</v>
      </c>
      <c r="M33" s="76"/>
      <c r="N33" s="76" t="s">
        <v>1</v>
      </c>
      <c r="O33" s="76"/>
      <c r="P33" s="76" t="s">
        <v>1</v>
      </c>
      <c r="Q33" s="76"/>
      <c r="R33" s="76"/>
      <c r="S33" s="76"/>
      <c r="T33" s="21" t="s">
        <v>1</v>
      </c>
    </row>
    <row r="34" spans="1:20" ht="17" customHeight="1">
      <c r="A34" s="77" t="s">
        <v>1</v>
      </c>
      <c r="B34" s="77"/>
      <c r="C34" s="77" t="s">
        <v>1</v>
      </c>
      <c r="D34" s="77"/>
      <c r="E34" s="77"/>
      <c r="F34" s="77"/>
      <c r="G34" s="77" t="s">
        <v>1</v>
      </c>
      <c r="H34" s="77"/>
      <c r="I34" s="76" t="s">
        <v>1</v>
      </c>
      <c r="J34" s="76"/>
      <c r="K34" s="21" t="s">
        <v>1</v>
      </c>
      <c r="L34" s="76" t="s">
        <v>1</v>
      </c>
      <c r="M34" s="76"/>
      <c r="N34" s="76" t="s">
        <v>1</v>
      </c>
      <c r="O34" s="76"/>
      <c r="P34" s="76" t="s">
        <v>1</v>
      </c>
      <c r="Q34" s="76"/>
      <c r="R34" s="76"/>
      <c r="S34" s="76"/>
      <c r="T34" s="21" t="s">
        <v>1</v>
      </c>
    </row>
  </sheetData>
  <mergeCells count="188">
    <mergeCell ref="H2:T2"/>
    <mergeCell ref="A1:D3"/>
    <mergeCell ref="A5:T5"/>
    <mergeCell ref="A6:C6"/>
    <mergeCell ref="D6:E6"/>
    <mergeCell ref="F6:G6"/>
    <mergeCell ref="H6:I6"/>
    <mergeCell ref="J6:L6"/>
    <mergeCell ref="M6:N6"/>
    <mergeCell ref="O6:P6"/>
    <mergeCell ref="M7:N7"/>
    <mergeCell ref="O7:P7"/>
    <mergeCell ref="B8:C8"/>
    <mergeCell ref="D8:E8"/>
    <mergeCell ref="F8:G8"/>
    <mergeCell ref="H8:I8"/>
    <mergeCell ref="J8:L8"/>
    <mergeCell ref="M8:N8"/>
    <mergeCell ref="O8:P8"/>
    <mergeCell ref="B7:C7"/>
    <mergeCell ref="D7:E7"/>
    <mergeCell ref="F7:G7"/>
    <mergeCell ref="H7:I7"/>
    <mergeCell ref="J7:L7"/>
    <mergeCell ref="O9:P9"/>
    <mergeCell ref="B10:E10"/>
    <mergeCell ref="F10:G10"/>
    <mergeCell ref="H10:I10"/>
    <mergeCell ref="J10:L10"/>
    <mergeCell ref="M10:N10"/>
    <mergeCell ref="O10:P10"/>
    <mergeCell ref="B9:E9"/>
    <mergeCell ref="F9:G9"/>
    <mergeCell ref="H9:I9"/>
    <mergeCell ref="J9:L9"/>
    <mergeCell ref="M9:N9"/>
    <mergeCell ref="M11:N11"/>
    <mergeCell ref="O11:P11"/>
    <mergeCell ref="B12:C12"/>
    <mergeCell ref="D12:E12"/>
    <mergeCell ref="F12:G12"/>
    <mergeCell ref="H12:I12"/>
    <mergeCell ref="J12:L12"/>
    <mergeCell ref="M12:N12"/>
    <mergeCell ref="O12:P12"/>
    <mergeCell ref="B11:C11"/>
    <mergeCell ref="D11:E11"/>
    <mergeCell ref="F11:G11"/>
    <mergeCell ref="H11:I11"/>
    <mergeCell ref="J11:L11"/>
    <mergeCell ref="M13:N13"/>
    <mergeCell ref="O13:P13"/>
    <mergeCell ref="A14:C14"/>
    <mergeCell ref="D14:E14"/>
    <mergeCell ref="F14:G14"/>
    <mergeCell ref="H14:I14"/>
    <mergeCell ref="J14:L14"/>
    <mergeCell ref="M14:N14"/>
    <mergeCell ref="O14:P14"/>
    <mergeCell ref="B13:C13"/>
    <mergeCell ref="D13:E13"/>
    <mergeCell ref="F13:G13"/>
    <mergeCell ref="H13:I13"/>
    <mergeCell ref="J13:L13"/>
    <mergeCell ref="S14:T14"/>
    <mergeCell ref="B15:C15"/>
    <mergeCell ref="D15:E15"/>
    <mergeCell ref="F15:G15"/>
    <mergeCell ref="H15:I15"/>
    <mergeCell ref="J15:L15"/>
    <mergeCell ref="M15:N15"/>
    <mergeCell ref="O15:P15"/>
    <mergeCell ref="S15:T15"/>
    <mergeCell ref="M16:N16"/>
    <mergeCell ref="O16:P16"/>
    <mergeCell ref="S16:T16"/>
    <mergeCell ref="B17:E17"/>
    <mergeCell ref="F17:G17"/>
    <mergeCell ref="H17:I17"/>
    <mergeCell ref="J17:L17"/>
    <mergeCell ref="M17:N17"/>
    <mergeCell ref="O17:P17"/>
    <mergeCell ref="S17:T17"/>
    <mergeCell ref="B16:C16"/>
    <mergeCell ref="D16:E16"/>
    <mergeCell ref="F16:G16"/>
    <mergeCell ref="H16:I16"/>
    <mergeCell ref="J16:L16"/>
    <mergeCell ref="O18:P18"/>
    <mergeCell ref="S18:T18"/>
    <mergeCell ref="B19:C19"/>
    <mergeCell ref="D19:E19"/>
    <mergeCell ref="F19:G19"/>
    <mergeCell ref="H19:I19"/>
    <mergeCell ref="J19:L19"/>
    <mergeCell ref="M19:N19"/>
    <mergeCell ref="O19:P19"/>
    <mergeCell ref="S19:T19"/>
    <mergeCell ref="B18:E18"/>
    <mergeCell ref="F18:G18"/>
    <mergeCell ref="H18:I18"/>
    <mergeCell ref="J18:L18"/>
    <mergeCell ref="M18:N18"/>
    <mergeCell ref="M20:N20"/>
    <mergeCell ref="O20:P20"/>
    <mergeCell ref="S20:T20"/>
    <mergeCell ref="B21:C21"/>
    <mergeCell ref="D21:E21"/>
    <mergeCell ref="F21:G21"/>
    <mergeCell ref="H21:I21"/>
    <mergeCell ref="J21:L21"/>
    <mergeCell ref="M21:N21"/>
    <mergeCell ref="O21:P21"/>
    <mergeCell ref="S21:T21"/>
    <mergeCell ref="B20:C20"/>
    <mergeCell ref="D20:E20"/>
    <mergeCell ref="F20:G20"/>
    <mergeCell ref="H20:I20"/>
    <mergeCell ref="J20:L20"/>
    <mergeCell ref="M22:N22"/>
    <mergeCell ref="O22:P22"/>
    <mergeCell ref="S22:T22"/>
    <mergeCell ref="A24:F24"/>
    <mergeCell ref="G24:H24"/>
    <mergeCell ref="I24:J24"/>
    <mergeCell ref="L24:M24"/>
    <mergeCell ref="N24:O24"/>
    <mergeCell ref="P24:S24"/>
    <mergeCell ref="B22:C22"/>
    <mergeCell ref="D22:E22"/>
    <mergeCell ref="F22:G22"/>
    <mergeCell ref="H22:I22"/>
    <mergeCell ref="J22:L22"/>
    <mergeCell ref="P25:S25"/>
    <mergeCell ref="A26:F26"/>
    <mergeCell ref="G26:H26"/>
    <mergeCell ref="I26:K26"/>
    <mergeCell ref="L26:M26"/>
    <mergeCell ref="N26:S26"/>
    <mergeCell ref="B25:F25"/>
    <mergeCell ref="G25:H25"/>
    <mergeCell ref="I25:J25"/>
    <mergeCell ref="L25:M25"/>
    <mergeCell ref="N25:O25"/>
    <mergeCell ref="P27:S27"/>
    <mergeCell ref="B28:F28"/>
    <mergeCell ref="G28:H28"/>
    <mergeCell ref="I28:J28"/>
    <mergeCell ref="L28:M28"/>
    <mergeCell ref="N28:O28"/>
    <mergeCell ref="P28:S28"/>
    <mergeCell ref="B27:F27"/>
    <mergeCell ref="G27:H27"/>
    <mergeCell ref="I27:J27"/>
    <mergeCell ref="L27:M27"/>
    <mergeCell ref="N27:O27"/>
    <mergeCell ref="A32:F32"/>
    <mergeCell ref="G32:H32"/>
    <mergeCell ref="I32:K32"/>
    <mergeCell ref="L32:M32"/>
    <mergeCell ref="N32:S32"/>
    <mergeCell ref="P30:S30"/>
    <mergeCell ref="A31:B31"/>
    <mergeCell ref="C31:F31"/>
    <mergeCell ref="G31:H31"/>
    <mergeCell ref="I31:J31"/>
    <mergeCell ref="L31:M31"/>
    <mergeCell ref="N31:O31"/>
    <mergeCell ref="P31:S31"/>
    <mergeCell ref="A30:F30"/>
    <mergeCell ref="G30:H30"/>
    <mergeCell ref="I30:J30"/>
    <mergeCell ref="L30:M30"/>
    <mergeCell ref="N30:O30"/>
    <mergeCell ref="N33:O33"/>
    <mergeCell ref="P33:S33"/>
    <mergeCell ref="A34:B34"/>
    <mergeCell ref="C34:F34"/>
    <mergeCell ref="G34:H34"/>
    <mergeCell ref="I34:J34"/>
    <mergeCell ref="L34:M34"/>
    <mergeCell ref="N34:O34"/>
    <mergeCell ref="P34:S34"/>
    <mergeCell ref="A33:B33"/>
    <mergeCell ref="C33:F33"/>
    <mergeCell ref="G33:H33"/>
    <mergeCell ref="I33:J33"/>
    <mergeCell ref="L33:M33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J109"/>
  <sheetViews>
    <sheetView showGridLines="0" workbookViewId="0">
      <pane ySplit="5" topLeftCell="A6" activePane="bottomLeft" state="frozenSplit"/>
      <selection pane="bottomLeft" sqref="A1:B3"/>
    </sheetView>
  </sheetViews>
  <sheetFormatPr defaultRowHeight="15" customHeight="1"/>
  <cols>
    <col min="1" max="1" width="6.1796875" customWidth="1"/>
    <col min="2" max="2" width="14.54296875" customWidth="1"/>
    <col min="3" max="3" width="16" customWidth="1"/>
    <col min="4" max="4" width="5.6328125" customWidth="1"/>
    <col min="5" max="5" width="6.453125" customWidth="1"/>
    <col min="6" max="9" width="12.08984375" customWidth="1"/>
    <col min="10" max="10" width="12.1796875" customWidth="1"/>
  </cols>
  <sheetData>
    <row r="1" spans="1:10" ht="18.899999999999999" customHeight="1">
      <c r="A1" s="98"/>
      <c r="B1" s="98"/>
      <c r="C1" s="13"/>
      <c r="D1" s="13"/>
      <c r="E1" s="13"/>
      <c r="F1" s="13"/>
      <c r="G1" s="13"/>
      <c r="H1" s="13"/>
      <c r="I1" s="13"/>
      <c r="J1" s="13"/>
    </row>
    <row r="2" spans="1:10" ht="23.5" customHeight="1">
      <c r="A2" s="72"/>
      <c r="B2" s="72"/>
      <c r="C2" s="1"/>
      <c r="D2" s="1"/>
      <c r="E2" s="73" t="s">
        <v>110</v>
      </c>
      <c r="F2" s="73"/>
      <c r="G2" s="73"/>
      <c r="H2" s="73"/>
      <c r="I2" s="73"/>
      <c r="J2" s="73"/>
    </row>
    <row r="3" spans="1:10" ht="17" customHeight="1">
      <c r="A3" s="72"/>
      <c r="B3" s="72"/>
      <c r="C3" s="1"/>
      <c r="D3" s="1"/>
      <c r="E3" s="1"/>
      <c r="F3" s="1"/>
      <c r="G3" s="1"/>
      <c r="H3" s="1"/>
      <c r="I3" s="1"/>
      <c r="J3" s="1"/>
    </row>
    <row r="4" spans="1:10" ht="5.4" customHeight="1">
      <c r="A4" s="1"/>
      <c r="B4" s="1"/>
      <c r="C4" s="1"/>
      <c r="D4" s="1"/>
      <c r="E4" s="1"/>
      <c r="F4" s="1"/>
      <c r="G4" s="1"/>
      <c r="H4" s="1"/>
      <c r="I4" s="1"/>
      <c r="J4" s="1"/>
    </row>
    <row r="5" spans="1:10" ht="17" customHeight="1">
      <c r="A5" s="74" t="s">
        <v>111</v>
      </c>
      <c r="B5" s="74"/>
      <c r="C5" s="74"/>
      <c r="D5" s="74"/>
      <c r="E5" s="74"/>
      <c r="F5" s="74"/>
      <c r="G5" s="74"/>
      <c r="H5" s="74"/>
      <c r="I5" s="74"/>
      <c r="J5" s="74"/>
    </row>
    <row r="6" spans="1:10" ht="14.4" customHeight="1">
      <c r="A6" s="104" t="s">
        <v>112</v>
      </c>
      <c r="B6" s="106" t="s">
        <v>113</v>
      </c>
      <c r="C6" s="106"/>
      <c r="D6" s="100" t="s">
        <v>114</v>
      </c>
      <c r="E6" s="100"/>
      <c r="F6" s="100"/>
      <c r="G6" s="100"/>
      <c r="H6" s="100" t="s">
        <v>115</v>
      </c>
      <c r="I6" s="100"/>
      <c r="J6" s="26" t="s">
        <v>1</v>
      </c>
    </row>
    <row r="7" spans="1:10" ht="14.4" customHeight="1">
      <c r="A7" s="105"/>
      <c r="B7" s="107"/>
      <c r="C7" s="107"/>
      <c r="D7" s="101" t="s">
        <v>116</v>
      </c>
      <c r="E7" s="101"/>
      <c r="F7" s="26" t="s">
        <v>117</v>
      </c>
      <c r="G7" s="26" t="s">
        <v>118</v>
      </c>
      <c r="H7" s="26" t="s">
        <v>116</v>
      </c>
      <c r="I7" s="26" t="s">
        <v>118</v>
      </c>
      <c r="J7" s="26" t="s">
        <v>119</v>
      </c>
    </row>
    <row r="8" spans="1:10" ht="17" customHeight="1">
      <c r="A8" s="27" t="s">
        <v>120</v>
      </c>
      <c r="B8" s="102" t="s">
        <v>121</v>
      </c>
      <c r="C8" s="102"/>
      <c r="D8" s="103">
        <v>2209.1624459999998</v>
      </c>
      <c r="E8" s="103"/>
      <c r="F8" s="28">
        <v>77.320685999999995</v>
      </c>
      <c r="G8" s="28">
        <v>2286.4831319999998</v>
      </c>
      <c r="H8" s="28">
        <v>26509.919999999998</v>
      </c>
      <c r="I8" s="28">
        <v>27437.759999999998</v>
      </c>
      <c r="J8" s="29">
        <v>0.61260000000000003</v>
      </c>
    </row>
    <row r="9" spans="1:10" ht="17" customHeight="1">
      <c r="A9" s="27" t="s">
        <v>122</v>
      </c>
      <c r="B9" s="102" t="s">
        <v>123</v>
      </c>
      <c r="C9" s="102"/>
      <c r="D9" s="103">
        <v>258.38330200000001</v>
      </c>
      <c r="E9" s="103"/>
      <c r="F9" s="28">
        <v>9.0434160000000006</v>
      </c>
      <c r="G9" s="28">
        <v>267.42671799999999</v>
      </c>
      <c r="H9" s="28">
        <v>3100.56</v>
      </c>
      <c r="I9" s="28">
        <v>3209.04</v>
      </c>
      <c r="J9" s="29">
        <v>7.17E-2</v>
      </c>
    </row>
    <row r="10" spans="1:10" ht="17" customHeight="1">
      <c r="A10" s="27" t="s">
        <v>52</v>
      </c>
      <c r="B10" s="102" t="s">
        <v>124</v>
      </c>
      <c r="C10" s="102"/>
      <c r="D10" s="103">
        <v>237.87104600000001</v>
      </c>
      <c r="E10" s="103"/>
      <c r="F10" s="28">
        <v>21.433171999999999</v>
      </c>
      <c r="G10" s="28">
        <v>259.30421799999999</v>
      </c>
      <c r="H10" s="28">
        <v>2854.56</v>
      </c>
      <c r="I10" s="28">
        <v>3111.6</v>
      </c>
      <c r="J10" s="29">
        <v>6.9500000000000006E-2</v>
      </c>
    </row>
    <row r="11" spans="1:10" ht="17" customHeight="1">
      <c r="A11" s="27" t="s">
        <v>68</v>
      </c>
      <c r="B11" s="102" t="s">
        <v>125</v>
      </c>
      <c r="C11" s="102"/>
      <c r="D11" s="103">
        <v>0</v>
      </c>
      <c r="E11" s="103"/>
      <c r="F11" s="28">
        <v>0</v>
      </c>
      <c r="G11" s="28">
        <v>0</v>
      </c>
      <c r="H11" s="28">
        <v>0</v>
      </c>
      <c r="I11" s="28">
        <v>0</v>
      </c>
      <c r="J11" s="29">
        <v>0</v>
      </c>
    </row>
    <row r="12" spans="1:10" ht="17" customHeight="1">
      <c r="A12" s="27" t="s">
        <v>60</v>
      </c>
      <c r="B12" s="102" t="s">
        <v>126</v>
      </c>
      <c r="C12" s="102"/>
      <c r="D12" s="103">
        <v>88.100387999999995</v>
      </c>
      <c r="E12" s="103"/>
      <c r="F12" s="28">
        <v>5.3631099999999998</v>
      </c>
      <c r="G12" s="28">
        <v>93.463498000000001</v>
      </c>
      <c r="H12" s="28">
        <v>1057.2</v>
      </c>
      <c r="I12" s="28">
        <v>1121.52</v>
      </c>
      <c r="J12" s="29">
        <v>2.5000000000000001E-2</v>
      </c>
    </row>
    <row r="13" spans="1:10" ht="17" customHeight="1">
      <c r="A13" s="27" t="s">
        <v>127</v>
      </c>
      <c r="B13" s="102" t="s">
        <v>128</v>
      </c>
      <c r="C13" s="102"/>
      <c r="D13" s="103">
        <v>179.69913199999999</v>
      </c>
      <c r="E13" s="103"/>
      <c r="F13" s="28">
        <v>6.2894699999999997</v>
      </c>
      <c r="G13" s="28">
        <v>185.98860199999999</v>
      </c>
      <c r="H13" s="28">
        <v>2156.4</v>
      </c>
      <c r="I13" s="28">
        <v>2231.7600000000002</v>
      </c>
      <c r="J13" s="29">
        <v>4.9799999999999997E-2</v>
      </c>
    </row>
    <row r="14" spans="1:10" ht="17" customHeight="1">
      <c r="A14" s="27" t="s">
        <v>129</v>
      </c>
      <c r="B14" s="102" t="s">
        <v>130</v>
      </c>
      <c r="C14" s="102"/>
      <c r="D14" s="103">
        <v>13.836834</v>
      </c>
      <c r="E14" s="103"/>
      <c r="F14" s="28">
        <v>0.484288</v>
      </c>
      <c r="G14" s="28">
        <v>14.321122000000001</v>
      </c>
      <c r="H14" s="28">
        <v>166.08</v>
      </c>
      <c r="I14" s="28">
        <v>171.84</v>
      </c>
      <c r="J14" s="29">
        <v>3.8E-3</v>
      </c>
    </row>
    <row r="15" spans="1:10" ht="17" customHeight="1">
      <c r="A15" s="27" t="s">
        <v>131</v>
      </c>
      <c r="B15" s="102" t="s">
        <v>132</v>
      </c>
      <c r="C15" s="102"/>
      <c r="D15" s="103">
        <v>19.407506000000001</v>
      </c>
      <c r="E15" s="103"/>
      <c r="F15" s="28">
        <v>1.7486980000000001</v>
      </c>
      <c r="G15" s="28">
        <v>21.156203999999999</v>
      </c>
      <c r="H15" s="28">
        <v>232.8</v>
      </c>
      <c r="I15" s="28">
        <v>253.92</v>
      </c>
      <c r="J15" s="29">
        <v>5.7000000000000002E-3</v>
      </c>
    </row>
    <row r="16" spans="1:10" ht="17" customHeight="1">
      <c r="A16" s="27" t="s">
        <v>133</v>
      </c>
      <c r="B16" s="102" t="s">
        <v>134</v>
      </c>
      <c r="C16" s="102"/>
      <c r="D16" s="103">
        <v>0</v>
      </c>
      <c r="E16" s="103"/>
      <c r="F16" s="28">
        <v>0</v>
      </c>
      <c r="G16" s="28">
        <v>0</v>
      </c>
      <c r="H16" s="28">
        <v>0</v>
      </c>
      <c r="I16" s="28">
        <v>0</v>
      </c>
      <c r="J16" s="29">
        <v>0</v>
      </c>
    </row>
    <row r="17" spans="1:10" ht="17" customHeight="1">
      <c r="A17" s="27" t="s">
        <v>135</v>
      </c>
      <c r="B17" s="102" t="s">
        <v>136</v>
      </c>
      <c r="C17" s="102"/>
      <c r="D17" s="103">
        <v>126.098214</v>
      </c>
      <c r="E17" s="103"/>
      <c r="F17" s="28">
        <v>4.4134380000000002</v>
      </c>
      <c r="G17" s="28">
        <v>130.511652</v>
      </c>
      <c r="H17" s="28">
        <v>1513.2</v>
      </c>
      <c r="I17" s="28">
        <v>1566.12</v>
      </c>
      <c r="J17" s="29">
        <v>3.5000000000000003E-2</v>
      </c>
    </row>
    <row r="18" spans="1:10" ht="17" customHeight="1">
      <c r="A18" s="27" t="s">
        <v>56</v>
      </c>
      <c r="B18" s="102" t="s">
        <v>137</v>
      </c>
      <c r="C18" s="102"/>
      <c r="D18" s="103">
        <v>14.753491</v>
      </c>
      <c r="E18" s="103"/>
      <c r="F18" s="28">
        <v>0.51637200000000005</v>
      </c>
      <c r="G18" s="28">
        <v>15.269863000000001</v>
      </c>
      <c r="H18" s="28">
        <v>177</v>
      </c>
      <c r="I18" s="28">
        <v>183.24</v>
      </c>
      <c r="J18" s="29">
        <v>4.1000000000000003E-3</v>
      </c>
    </row>
    <row r="19" spans="1:10" ht="17" customHeight="1">
      <c r="A19" s="27" t="s">
        <v>48</v>
      </c>
      <c r="B19" s="102" t="s">
        <v>138</v>
      </c>
      <c r="C19" s="102"/>
      <c r="D19" s="103">
        <v>13.618607000000001</v>
      </c>
      <c r="E19" s="103"/>
      <c r="F19" s="28">
        <v>1.227093</v>
      </c>
      <c r="G19" s="28">
        <v>14.845700000000001</v>
      </c>
      <c r="H19" s="28">
        <v>163.44</v>
      </c>
      <c r="I19" s="28">
        <v>178.2</v>
      </c>
      <c r="J19" s="29">
        <v>4.0000000000000001E-3</v>
      </c>
    </row>
    <row r="20" spans="1:10" ht="17" customHeight="1">
      <c r="A20" s="27" t="s">
        <v>139</v>
      </c>
      <c r="B20" s="102" t="s">
        <v>140</v>
      </c>
      <c r="C20" s="102"/>
      <c r="D20" s="103">
        <v>0</v>
      </c>
      <c r="E20" s="103"/>
      <c r="F20" s="28">
        <v>0</v>
      </c>
      <c r="G20" s="28">
        <v>0</v>
      </c>
      <c r="H20" s="28">
        <v>0</v>
      </c>
      <c r="I20" s="28">
        <v>0</v>
      </c>
      <c r="J20" s="29">
        <v>0</v>
      </c>
    </row>
    <row r="21" spans="1:10" ht="17" customHeight="1">
      <c r="A21" s="27" t="s">
        <v>141</v>
      </c>
      <c r="B21" s="102" t="s">
        <v>142</v>
      </c>
      <c r="C21" s="102"/>
      <c r="D21" s="103">
        <v>5.0439290000000003</v>
      </c>
      <c r="E21" s="103"/>
      <c r="F21" s="28">
        <v>0.30704900000000002</v>
      </c>
      <c r="G21" s="28">
        <v>5.3509779999999996</v>
      </c>
      <c r="H21" s="28">
        <v>60.48</v>
      </c>
      <c r="I21" s="28">
        <v>64.2</v>
      </c>
      <c r="J21" s="29">
        <v>1.4E-3</v>
      </c>
    </row>
    <row r="22" spans="1:10" ht="17" customHeight="1">
      <c r="A22" s="27" t="s">
        <v>143</v>
      </c>
      <c r="B22" s="102" t="s">
        <v>144</v>
      </c>
      <c r="C22" s="102"/>
      <c r="D22" s="103">
        <v>0</v>
      </c>
      <c r="E22" s="103"/>
      <c r="F22" s="28">
        <v>0</v>
      </c>
      <c r="G22" s="28">
        <v>0</v>
      </c>
      <c r="H22" s="28">
        <v>0</v>
      </c>
      <c r="I22" s="28">
        <v>0</v>
      </c>
      <c r="J22" s="29">
        <v>0</v>
      </c>
    </row>
    <row r="23" spans="1:10" ht="17" customHeight="1">
      <c r="A23" s="27" t="s">
        <v>145</v>
      </c>
      <c r="B23" s="102" t="s">
        <v>146</v>
      </c>
      <c r="C23" s="102"/>
      <c r="D23" s="103">
        <v>0</v>
      </c>
      <c r="E23" s="103"/>
      <c r="F23" s="28">
        <v>0</v>
      </c>
      <c r="G23" s="28">
        <v>0</v>
      </c>
      <c r="H23" s="28">
        <v>0</v>
      </c>
      <c r="I23" s="28">
        <v>0</v>
      </c>
      <c r="J23" s="29">
        <v>0</v>
      </c>
    </row>
    <row r="24" spans="1:10" ht="17" customHeight="1">
      <c r="A24" s="27" t="s">
        <v>147</v>
      </c>
      <c r="B24" s="102" t="s">
        <v>148</v>
      </c>
      <c r="C24" s="102"/>
      <c r="D24" s="103">
        <v>0</v>
      </c>
      <c r="E24" s="103"/>
      <c r="F24" s="28">
        <v>0</v>
      </c>
      <c r="G24" s="28">
        <v>0</v>
      </c>
      <c r="H24" s="28">
        <v>0</v>
      </c>
      <c r="I24" s="28">
        <v>0</v>
      </c>
      <c r="J24" s="29">
        <v>0</v>
      </c>
    </row>
    <row r="25" spans="1:10" ht="17" customHeight="1">
      <c r="A25" s="27" t="s">
        <v>149</v>
      </c>
      <c r="B25" s="102" t="s">
        <v>150</v>
      </c>
      <c r="C25" s="102"/>
      <c r="D25" s="103">
        <v>0</v>
      </c>
      <c r="E25" s="103"/>
      <c r="F25" s="28">
        <v>0</v>
      </c>
      <c r="G25" s="28">
        <v>0</v>
      </c>
      <c r="H25" s="28">
        <v>0</v>
      </c>
      <c r="I25" s="28">
        <v>0</v>
      </c>
      <c r="J25" s="29">
        <v>0</v>
      </c>
    </row>
    <row r="26" spans="1:10" ht="17" customHeight="1">
      <c r="A26" s="30" t="s">
        <v>151</v>
      </c>
      <c r="B26" s="90" t="s">
        <v>152</v>
      </c>
      <c r="C26" s="90"/>
      <c r="D26" s="99">
        <v>3165.9748949999998</v>
      </c>
      <c r="E26" s="99"/>
      <c r="F26" s="31">
        <v>128.146792</v>
      </c>
      <c r="G26" s="31">
        <v>3294.1216869999998</v>
      </c>
      <c r="H26" s="31">
        <v>37991.64</v>
      </c>
      <c r="I26" s="31">
        <v>39529.199999999997</v>
      </c>
      <c r="J26" s="32">
        <v>0.88260000000000005</v>
      </c>
    </row>
    <row r="27" spans="1:10" ht="17" customHeight="1">
      <c r="A27" s="27" t="s">
        <v>153</v>
      </c>
      <c r="B27" s="102" t="s">
        <v>154</v>
      </c>
      <c r="C27" s="102"/>
      <c r="D27" s="103">
        <v>0</v>
      </c>
      <c r="E27" s="103"/>
      <c r="F27" s="28">
        <v>0</v>
      </c>
      <c r="G27" s="28">
        <v>0</v>
      </c>
      <c r="H27" s="28">
        <v>0</v>
      </c>
      <c r="I27" s="28">
        <v>0</v>
      </c>
      <c r="J27" s="29">
        <v>0</v>
      </c>
    </row>
    <row r="28" spans="1:10" ht="17" customHeight="1">
      <c r="A28" s="27" t="s">
        <v>155</v>
      </c>
      <c r="B28" s="102" t="s">
        <v>156</v>
      </c>
      <c r="C28" s="102"/>
      <c r="D28" s="103">
        <v>0</v>
      </c>
      <c r="E28" s="103"/>
      <c r="F28" s="28">
        <v>0</v>
      </c>
      <c r="G28" s="28">
        <v>0</v>
      </c>
      <c r="H28" s="28">
        <v>0</v>
      </c>
      <c r="I28" s="28">
        <v>0</v>
      </c>
      <c r="J28" s="29">
        <v>0</v>
      </c>
    </row>
    <row r="29" spans="1:10" ht="17" customHeight="1">
      <c r="A29" s="30" t="s">
        <v>157</v>
      </c>
      <c r="B29" s="90" t="s">
        <v>158</v>
      </c>
      <c r="C29" s="90"/>
      <c r="D29" s="99">
        <v>3165.9748949999998</v>
      </c>
      <c r="E29" s="99"/>
      <c r="F29" s="31">
        <v>128.146792</v>
      </c>
      <c r="G29" s="31">
        <v>3294.1216869999998</v>
      </c>
      <c r="H29" s="31">
        <v>37991.64</v>
      </c>
      <c r="I29" s="31">
        <v>39529.199999999997</v>
      </c>
      <c r="J29" s="32">
        <v>0.88260000000000005</v>
      </c>
    </row>
    <row r="30" spans="1:10" ht="17" customHeight="1">
      <c r="A30" s="17" t="s">
        <v>1</v>
      </c>
      <c r="B30" s="77" t="s">
        <v>1</v>
      </c>
      <c r="C30" s="77"/>
      <c r="D30" s="76" t="s">
        <v>1</v>
      </c>
      <c r="E30" s="76"/>
      <c r="F30" s="21" t="s">
        <v>1</v>
      </c>
      <c r="G30" s="21" t="s">
        <v>1</v>
      </c>
      <c r="H30" s="21" t="s">
        <v>1</v>
      </c>
      <c r="I30" s="21" t="s">
        <v>1</v>
      </c>
      <c r="J30" s="21" t="s">
        <v>1</v>
      </c>
    </row>
    <row r="31" spans="1:10" ht="14.4" customHeight="1">
      <c r="A31" s="104" t="s">
        <v>112</v>
      </c>
      <c r="B31" s="106" t="s">
        <v>159</v>
      </c>
      <c r="C31" s="106"/>
      <c r="D31" s="100" t="s">
        <v>114</v>
      </c>
      <c r="E31" s="100"/>
      <c r="F31" s="100"/>
      <c r="G31" s="100"/>
      <c r="H31" s="100" t="s">
        <v>115</v>
      </c>
      <c r="I31" s="100"/>
      <c r="J31" s="26" t="s">
        <v>1</v>
      </c>
    </row>
    <row r="32" spans="1:10" ht="14.4" customHeight="1">
      <c r="A32" s="105"/>
      <c r="B32" s="107"/>
      <c r="C32" s="107"/>
      <c r="D32" s="101" t="s">
        <v>116</v>
      </c>
      <c r="E32" s="101"/>
      <c r="F32" s="26" t="s">
        <v>117</v>
      </c>
      <c r="G32" s="26" t="s">
        <v>118</v>
      </c>
      <c r="H32" s="26" t="s">
        <v>116</v>
      </c>
      <c r="I32" s="26" t="s">
        <v>118</v>
      </c>
      <c r="J32" s="26" t="s">
        <v>119</v>
      </c>
    </row>
    <row r="33" spans="1:10" ht="17" customHeight="1">
      <c r="A33" s="27" t="s">
        <v>160</v>
      </c>
      <c r="B33" s="102" t="s">
        <v>161</v>
      </c>
      <c r="C33" s="102"/>
      <c r="D33" s="103">
        <v>0</v>
      </c>
      <c r="E33" s="103"/>
      <c r="F33" s="28">
        <v>0</v>
      </c>
      <c r="G33" s="28">
        <v>0</v>
      </c>
      <c r="H33" s="28">
        <v>0</v>
      </c>
      <c r="I33" s="28">
        <v>0</v>
      </c>
      <c r="J33" s="29">
        <v>0</v>
      </c>
    </row>
    <row r="34" spans="1:10" ht="17" customHeight="1">
      <c r="A34" s="27" t="s">
        <v>162</v>
      </c>
      <c r="B34" s="102" t="s">
        <v>163</v>
      </c>
      <c r="C34" s="102"/>
      <c r="D34" s="103">
        <v>0</v>
      </c>
      <c r="E34" s="103"/>
      <c r="F34" s="28">
        <v>0</v>
      </c>
      <c r="G34" s="28">
        <v>0</v>
      </c>
      <c r="H34" s="28">
        <v>0</v>
      </c>
      <c r="I34" s="28">
        <v>0</v>
      </c>
      <c r="J34" s="29">
        <v>0</v>
      </c>
    </row>
    <row r="35" spans="1:10" ht="17" customHeight="1">
      <c r="A35" s="27" t="s">
        <v>164</v>
      </c>
      <c r="B35" s="102" t="s">
        <v>165</v>
      </c>
      <c r="C35" s="102"/>
      <c r="D35" s="103">
        <v>10</v>
      </c>
      <c r="E35" s="103"/>
      <c r="F35" s="28">
        <v>0</v>
      </c>
      <c r="G35" s="28">
        <v>10</v>
      </c>
      <c r="H35" s="28">
        <v>120</v>
      </c>
      <c r="I35" s="28">
        <v>120</v>
      </c>
      <c r="J35" s="29">
        <v>2.7000000000000001E-3</v>
      </c>
    </row>
    <row r="36" spans="1:10" ht="17" customHeight="1">
      <c r="A36" s="27" t="s">
        <v>166</v>
      </c>
      <c r="B36" s="102" t="s">
        <v>167</v>
      </c>
      <c r="C36" s="102"/>
      <c r="D36" s="103">
        <v>0</v>
      </c>
      <c r="E36" s="103"/>
      <c r="F36" s="28">
        <v>0</v>
      </c>
      <c r="G36" s="28">
        <v>0</v>
      </c>
      <c r="H36" s="28">
        <v>0</v>
      </c>
      <c r="I36" s="28">
        <v>0</v>
      </c>
      <c r="J36" s="29">
        <v>0</v>
      </c>
    </row>
    <row r="37" spans="1:10" ht="17" customHeight="1">
      <c r="A37" s="27" t="s">
        <v>168</v>
      </c>
      <c r="B37" s="102" t="s">
        <v>169</v>
      </c>
      <c r="C37" s="102"/>
      <c r="D37" s="103">
        <v>20</v>
      </c>
      <c r="E37" s="103"/>
      <c r="F37" s="28">
        <v>0</v>
      </c>
      <c r="G37" s="28">
        <v>20</v>
      </c>
      <c r="H37" s="28">
        <v>240</v>
      </c>
      <c r="I37" s="28">
        <v>240</v>
      </c>
      <c r="J37" s="29">
        <v>5.4000000000000003E-3</v>
      </c>
    </row>
    <row r="38" spans="1:10" ht="17" customHeight="1">
      <c r="A38" s="27" t="s">
        <v>170</v>
      </c>
      <c r="B38" s="102" t="s">
        <v>171</v>
      </c>
      <c r="C38" s="102"/>
      <c r="D38" s="103">
        <v>0</v>
      </c>
      <c r="E38" s="103"/>
      <c r="F38" s="28">
        <v>0</v>
      </c>
      <c r="G38" s="28">
        <v>0</v>
      </c>
      <c r="H38" s="28">
        <v>0</v>
      </c>
      <c r="I38" s="28">
        <v>0</v>
      </c>
      <c r="J38" s="29">
        <v>0</v>
      </c>
    </row>
    <row r="39" spans="1:10" ht="17" customHeight="1">
      <c r="A39" s="27" t="s">
        <v>172</v>
      </c>
      <c r="B39" s="102" t="s">
        <v>173</v>
      </c>
      <c r="C39" s="102"/>
      <c r="D39" s="103">
        <v>0</v>
      </c>
      <c r="E39" s="103"/>
      <c r="F39" s="28">
        <v>0</v>
      </c>
      <c r="G39" s="28">
        <v>0</v>
      </c>
      <c r="H39" s="28">
        <v>0</v>
      </c>
      <c r="I39" s="28">
        <v>0</v>
      </c>
      <c r="J39" s="29">
        <v>0</v>
      </c>
    </row>
    <row r="40" spans="1:10" ht="17" customHeight="1">
      <c r="A40" s="27" t="s">
        <v>174</v>
      </c>
      <c r="B40" s="102" t="s">
        <v>175</v>
      </c>
      <c r="C40" s="102"/>
      <c r="D40" s="103">
        <v>100</v>
      </c>
      <c r="E40" s="103"/>
      <c r="F40" s="28">
        <v>0</v>
      </c>
      <c r="G40" s="28">
        <v>100</v>
      </c>
      <c r="H40" s="28">
        <v>1200</v>
      </c>
      <c r="I40" s="28">
        <v>1200</v>
      </c>
      <c r="J40" s="29">
        <v>2.6800000000000001E-2</v>
      </c>
    </row>
    <row r="41" spans="1:10" ht="17" customHeight="1">
      <c r="A41" s="27" t="s">
        <v>176</v>
      </c>
      <c r="B41" s="102" t="s">
        <v>177</v>
      </c>
      <c r="C41" s="102"/>
      <c r="D41" s="103">
        <v>0</v>
      </c>
      <c r="E41" s="103"/>
      <c r="F41" s="28">
        <v>0</v>
      </c>
      <c r="G41" s="28">
        <v>0</v>
      </c>
      <c r="H41" s="28">
        <v>0</v>
      </c>
      <c r="I41" s="28">
        <v>0</v>
      </c>
      <c r="J41" s="29">
        <v>0</v>
      </c>
    </row>
    <row r="42" spans="1:10" ht="17" customHeight="1">
      <c r="A42" s="27" t="s">
        <v>178</v>
      </c>
      <c r="B42" s="102" t="s">
        <v>179</v>
      </c>
      <c r="C42" s="102"/>
      <c r="D42" s="103">
        <v>0</v>
      </c>
      <c r="E42" s="103"/>
      <c r="F42" s="28">
        <v>0</v>
      </c>
      <c r="G42" s="28">
        <v>0</v>
      </c>
      <c r="H42" s="28">
        <v>0</v>
      </c>
      <c r="I42" s="28">
        <v>0</v>
      </c>
      <c r="J42" s="29">
        <v>0</v>
      </c>
    </row>
    <row r="43" spans="1:10" ht="17" customHeight="1">
      <c r="A43" s="27" t="s">
        <v>180</v>
      </c>
      <c r="B43" s="102" t="s">
        <v>181</v>
      </c>
      <c r="C43" s="102"/>
      <c r="D43" s="103">
        <v>0</v>
      </c>
      <c r="E43" s="103"/>
      <c r="F43" s="28">
        <v>0</v>
      </c>
      <c r="G43" s="28">
        <v>0</v>
      </c>
      <c r="H43" s="28">
        <v>0</v>
      </c>
      <c r="I43" s="28">
        <v>0</v>
      </c>
      <c r="J43" s="29">
        <v>0</v>
      </c>
    </row>
    <row r="44" spans="1:10" ht="17" customHeight="1">
      <c r="A44" s="27" t="s">
        <v>182</v>
      </c>
      <c r="B44" s="102" t="s">
        <v>183</v>
      </c>
      <c r="C44" s="102"/>
      <c r="D44" s="103">
        <v>0</v>
      </c>
      <c r="E44" s="103"/>
      <c r="F44" s="28">
        <v>0</v>
      </c>
      <c r="G44" s="28">
        <v>0</v>
      </c>
      <c r="H44" s="28">
        <v>0</v>
      </c>
      <c r="I44" s="28">
        <v>0</v>
      </c>
      <c r="J44" s="29">
        <v>0</v>
      </c>
    </row>
    <row r="45" spans="1:10" ht="17" customHeight="1">
      <c r="A45" s="27" t="s">
        <v>184</v>
      </c>
      <c r="B45" s="102" t="s">
        <v>185</v>
      </c>
      <c r="C45" s="102"/>
      <c r="D45" s="103">
        <v>0</v>
      </c>
      <c r="E45" s="103"/>
      <c r="F45" s="28">
        <v>0</v>
      </c>
      <c r="G45" s="28">
        <v>0</v>
      </c>
      <c r="H45" s="28">
        <v>0</v>
      </c>
      <c r="I45" s="28">
        <v>0</v>
      </c>
      <c r="J45" s="29">
        <v>0</v>
      </c>
    </row>
    <row r="46" spans="1:10" ht="17" customHeight="1">
      <c r="A46" s="27" t="s">
        <v>186</v>
      </c>
      <c r="B46" s="102" t="s">
        <v>156</v>
      </c>
      <c r="C46" s="102"/>
      <c r="D46" s="103">
        <v>0</v>
      </c>
      <c r="E46" s="103"/>
      <c r="F46" s="28">
        <v>0</v>
      </c>
      <c r="G46" s="28">
        <v>0</v>
      </c>
      <c r="H46" s="28">
        <v>0</v>
      </c>
      <c r="I46" s="28">
        <v>0</v>
      </c>
      <c r="J46" s="29">
        <v>0</v>
      </c>
    </row>
    <row r="47" spans="1:10" ht="17" customHeight="1">
      <c r="A47" s="27" t="s">
        <v>187</v>
      </c>
      <c r="B47" s="102" t="s">
        <v>156</v>
      </c>
      <c r="C47" s="102"/>
      <c r="D47" s="103">
        <v>0</v>
      </c>
      <c r="E47" s="103"/>
      <c r="F47" s="28">
        <v>0</v>
      </c>
      <c r="G47" s="28">
        <v>0</v>
      </c>
      <c r="H47" s="28">
        <v>0</v>
      </c>
      <c r="I47" s="28">
        <v>0</v>
      </c>
      <c r="J47" s="29">
        <v>0</v>
      </c>
    </row>
    <row r="48" spans="1:10" ht="17" customHeight="1">
      <c r="A48" s="27" t="s">
        <v>188</v>
      </c>
      <c r="B48" s="102" t="s">
        <v>156</v>
      </c>
      <c r="C48" s="102"/>
      <c r="D48" s="103">
        <v>0</v>
      </c>
      <c r="E48" s="103"/>
      <c r="F48" s="28">
        <v>0</v>
      </c>
      <c r="G48" s="28">
        <v>0</v>
      </c>
      <c r="H48" s="28">
        <v>0</v>
      </c>
      <c r="I48" s="28">
        <v>0</v>
      </c>
      <c r="J48" s="29">
        <v>0</v>
      </c>
    </row>
    <row r="49" spans="1:10" ht="17" customHeight="1">
      <c r="A49" s="27" t="s">
        <v>189</v>
      </c>
      <c r="B49" s="102" t="s">
        <v>156</v>
      </c>
      <c r="C49" s="102"/>
      <c r="D49" s="103">
        <v>0</v>
      </c>
      <c r="E49" s="103"/>
      <c r="F49" s="28">
        <v>0</v>
      </c>
      <c r="G49" s="28">
        <v>0</v>
      </c>
      <c r="H49" s="28">
        <v>0</v>
      </c>
      <c r="I49" s="28">
        <v>0</v>
      </c>
      <c r="J49" s="29">
        <v>0</v>
      </c>
    </row>
    <row r="50" spans="1:10" ht="17" customHeight="1">
      <c r="A50" s="30" t="s">
        <v>190</v>
      </c>
      <c r="B50" s="90" t="s">
        <v>191</v>
      </c>
      <c r="C50" s="90"/>
      <c r="D50" s="99">
        <v>130</v>
      </c>
      <c r="E50" s="99"/>
      <c r="F50" s="31">
        <v>0</v>
      </c>
      <c r="G50" s="31">
        <v>130</v>
      </c>
      <c r="H50" s="31">
        <v>1560</v>
      </c>
      <c r="I50" s="31">
        <v>1560</v>
      </c>
      <c r="J50" s="32">
        <v>3.4799999999999998E-2</v>
      </c>
    </row>
    <row r="51" spans="1:10" ht="17" customHeight="1">
      <c r="A51" s="30" t="s">
        <v>1</v>
      </c>
      <c r="B51" s="90" t="s">
        <v>192</v>
      </c>
      <c r="C51" s="90"/>
      <c r="D51" s="99">
        <v>3295.9748949999998</v>
      </c>
      <c r="E51" s="99"/>
      <c r="F51" s="31">
        <v>128.146792</v>
      </c>
      <c r="G51" s="31">
        <v>3424.1216869999998</v>
      </c>
      <c r="H51" s="31">
        <v>39551.64</v>
      </c>
      <c r="I51" s="31">
        <v>41089.199999999997</v>
      </c>
      <c r="J51" s="32">
        <v>0.91739999999999999</v>
      </c>
    </row>
    <row r="52" spans="1:10" ht="17" customHeight="1">
      <c r="A52" s="17" t="s">
        <v>1</v>
      </c>
      <c r="B52" s="77" t="s">
        <v>1</v>
      </c>
      <c r="C52" s="77"/>
      <c r="D52" s="76" t="s">
        <v>1</v>
      </c>
      <c r="E52" s="76"/>
      <c r="F52" s="21" t="s">
        <v>1</v>
      </c>
      <c r="G52" s="21" t="s">
        <v>1</v>
      </c>
      <c r="H52" s="21" t="s">
        <v>1</v>
      </c>
      <c r="I52" s="21" t="s">
        <v>1</v>
      </c>
      <c r="J52" s="21" t="s">
        <v>1</v>
      </c>
    </row>
    <row r="53" spans="1:10" ht="14.4" customHeight="1">
      <c r="A53" s="104" t="s">
        <v>112</v>
      </c>
      <c r="B53" s="106" t="s">
        <v>193</v>
      </c>
      <c r="C53" s="106"/>
      <c r="D53" s="100" t="s">
        <v>114</v>
      </c>
      <c r="E53" s="100"/>
      <c r="F53" s="100"/>
      <c r="G53" s="100"/>
      <c r="H53" s="100" t="s">
        <v>115</v>
      </c>
      <c r="I53" s="100"/>
      <c r="J53" s="26" t="s">
        <v>1</v>
      </c>
    </row>
    <row r="54" spans="1:10" ht="14.4" customHeight="1">
      <c r="A54" s="105"/>
      <c r="B54" s="107"/>
      <c r="C54" s="107"/>
      <c r="D54" s="101" t="s">
        <v>116</v>
      </c>
      <c r="E54" s="101"/>
      <c r="F54" s="26" t="s">
        <v>117</v>
      </c>
      <c r="G54" s="26" t="s">
        <v>118</v>
      </c>
      <c r="H54" s="26" t="s">
        <v>116</v>
      </c>
      <c r="I54" s="26" t="s">
        <v>118</v>
      </c>
      <c r="J54" s="26" t="s">
        <v>119</v>
      </c>
    </row>
    <row r="55" spans="1:10" ht="17" customHeight="1">
      <c r="A55" s="27" t="s">
        <v>194</v>
      </c>
      <c r="B55" s="102" t="s">
        <v>195</v>
      </c>
      <c r="C55" s="102"/>
      <c r="D55" s="103">
        <v>296.63774100000001</v>
      </c>
      <c r="E55" s="103"/>
      <c r="F55" s="28">
        <v>11.533211</v>
      </c>
      <c r="G55" s="28">
        <v>308.170952</v>
      </c>
      <c r="H55" s="28">
        <v>3559.68</v>
      </c>
      <c r="I55" s="28">
        <v>3698.04</v>
      </c>
      <c r="J55" s="29">
        <v>8.2600000000000007E-2</v>
      </c>
    </row>
    <row r="56" spans="1:10" ht="17" customHeight="1">
      <c r="A56" s="30" t="s">
        <v>1</v>
      </c>
      <c r="B56" s="90" t="s">
        <v>196</v>
      </c>
      <c r="C56" s="90"/>
      <c r="D56" s="99">
        <v>296.63774100000001</v>
      </c>
      <c r="E56" s="99"/>
      <c r="F56" s="31">
        <v>11.533211</v>
      </c>
      <c r="G56" s="31">
        <v>308.170952</v>
      </c>
      <c r="H56" s="31">
        <v>3559.68</v>
      </c>
      <c r="I56" s="31">
        <v>3698.04</v>
      </c>
      <c r="J56" s="32">
        <v>8.2600000000000007E-2</v>
      </c>
    </row>
    <row r="57" spans="1:10" ht="17" customHeight="1">
      <c r="A57" s="17" t="s">
        <v>1</v>
      </c>
      <c r="B57" s="77" t="s">
        <v>1</v>
      </c>
      <c r="C57" s="77"/>
      <c r="D57" s="76" t="s">
        <v>1</v>
      </c>
      <c r="E57" s="76"/>
      <c r="F57" s="21" t="s">
        <v>1</v>
      </c>
      <c r="G57" s="21" t="s">
        <v>1</v>
      </c>
      <c r="H57" s="21" t="s">
        <v>1</v>
      </c>
      <c r="I57" s="21" t="s">
        <v>1</v>
      </c>
      <c r="J57" s="21" t="s">
        <v>1</v>
      </c>
    </row>
    <row r="58" spans="1:10" ht="14.4" customHeight="1">
      <c r="A58" s="104" t="s">
        <v>112</v>
      </c>
      <c r="B58" s="106" t="s">
        <v>197</v>
      </c>
      <c r="C58" s="106"/>
      <c r="D58" s="100" t="s">
        <v>114</v>
      </c>
      <c r="E58" s="100"/>
      <c r="F58" s="100"/>
      <c r="G58" s="100"/>
      <c r="H58" s="100" t="s">
        <v>115</v>
      </c>
      <c r="I58" s="100"/>
      <c r="J58" s="26" t="s">
        <v>1</v>
      </c>
    </row>
    <row r="59" spans="1:10" ht="14.4" customHeight="1">
      <c r="A59" s="105"/>
      <c r="B59" s="107"/>
      <c r="C59" s="107"/>
      <c r="D59" s="101" t="s">
        <v>116</v>
      </c>
      <c r="E59" s="101"/>
      <c r="F59" s="26" t="s">
        <v>117</v>
      </c>
      <c r="G59" s="26" t="s">
        <v>118</v>
      </c>
      <c r="H59" s="26" t="s">
        <v>116</v>
      </c>
      <c r="I59" s="26" t="s">
        <v>118</v>
      </c>
      <c r="J59" s="26" t="s">
        <v>119</v>
      </c>
    </row>
    <row r="60" spans="1:10" ht="17" customHeight="1">
      <c r="A60" s="27" t="s">
        <v>198</v>
      </c>
      <c r="B60" s="102" t="s">
        <v>199</v>
      </c>
      <c r="C60" s="102"/>
      <c r="D60" s="103"/>
      <c r="E60" s="103"/>
      <c r="F60" s="28"/>
      <c r="G60" s="28"/>
      <c r="H60" s="28"/>
      <c r="I60" s="28"/>
      <c r="J60" s="29"/>
    </row>
    <row r="61" spans="1:10" ht="17" customHeight="1">
      <c r="A61" s="27" t="s">
        <v>200</v>
      </c>
      <c r="B61" s="102" t="s">
        <v>201</v>
      </c>
      <c r="C61" s="102"/>
      <c r="D61" s="103">
        <v>0</v>
      </c>
      <c r="E61" s="103"/>
      <c r="F61" s="28">
        <v>0</v>
      </c>
      <c r="G61" s="28">
        <v>0</v>
      </c>
      <c r="H61" s="28">
        <v>0</v>
      </c>
      <c r="I61" s="28">
        <v>0</v>
      </c>
      <c r="J61" s="29">
        <v>0</v>
      </c>
    </row>
    <row r="62" spans="1:10" ht="17" customHeight="1">
      <c r="A62" s="27" t="s">
        <v>202</v>
      </c>
      <c r="B62" s="102" t="s">
        <v>203</v>
      </c>
      <c r="C62" s="102"/>
      <c r="D62" s="103">
        <v>0</v>
      </c>
      <c r="E62" s="103"/>
      <c r="F62" s="28">
        <v>0</v>
      </c>
      <c r="G62" s="28">
        <v>0</v>
      </c>
      <c r="H62" s="28">
        <v>0</v>
      </c>
      <c r="I62" s="28">
        <v>0</v>
      </c>
      <c r="J62" s="29">
        <v>0</v>
      </c>
    </row>
    <row r="63" spans="1:10" ht="17" customHeight="1">
      <c r="A63" s="27" t="s">
        <v>204</v>
      </c>
      <c r="B63" s="102" t="s">
        <v>205</v>
      </c>
      <c r="C63" s="102"/>
      <c r="D63" s="103">
        <v>0</v>
      </c>
      <c r="E63" s="103"/>
      <c r="F63" s="28">
        <v>0</v>
      </c>
      <c r="G63" s="28">
        <v>0</v>
      </c>
      <c r="H63" s="28">
        <v>0</v>
      </c>
      <c r="I63" s="28">
        <v>0</v>
      </c>
      <c r="J63" s="29">
        <v>0</v>
      </c>
    </row>
    <row r="64" spans="1:10" ht="17" customHeight="1">
      <c r="A64" s="27" t="s">
        <v>206</v>
      </c>
      <c r="B64" s="102" t="s">
        <v>207</v>
      </c>
      <c r="C64" s="102"/>
      <c r="D64" s="103">
        <v>0</v>
      </c>
      <c r="E64" s="103"/>
      <c r="F64" s="28">
        <v>0</v>
      </c>
      <c r="G64" s="28">
        <v>0</v>
      </c>
      <c r="H64" s="28">
        <v>0</v>
      </c>
      <c r="I64" s="28">
        <v>0</v>
      </c>
      <c r="J64" s="29">
        <v>0</v>
      </c>
    </row>
    <row r="65" spans="1:10" ht="17" customHeight="1">
      <c r="A65" s="27" t="s">
        <v>208</v>
      </c>
      <c r="B65" s="102" t="s">
        <v>209</v>
      </c>
      <c r="C65" s="102"/>
      <c r="D65" s="103">
        <v>0</v>
      </c>
      <c r="E65" s="103"/>
      <c r="F65" s="28">
        <v>0</v>
      </c>
      <c r="G65" s="28">
        <v>0</v>
      </c>
      <c r="H65" s="28">
        <v>0</v>
      </c>
      <c r="I65" s="28">
        <v>0</v>
      </c>
      <c r="J65" s="29">
        <v>0</v>
      </c>
    </row>
    <row r="66" spans="1:10" ht="17" customHeight="1">
      <c r="A66" s="27" t="s">
        <v>210</v>
      </c>
      <c r="B66" s="102" t="s">
        <v>211</v>
      </c>
      <c r="C66" s="102"/>
      <c r="D66" s="103">
        <v>0</v>
      </c>
      <c r="E66" s="103"/>
      <c r="F66" s="28">
        <v>0</v>
      </c>
      <c r="G66" s="28">
        <v>0</v>
      </c>
      <c r="H66" s="28">
        <v>0</v>
      </c>
      <c r="I66" s="28">
        <v>0</v>
      </c>
      <c r="J66" s="29">
        <v>0</v>
      </c>
    </row>
    <row r="67" spans="1:10" ht="17" customHeight="1">
      <c r="A67" s="27" t="s">
        <v>212</v>
      </c>
      <c r="B67" s="102" t="s">
        <v>213</v>
      </c>
      <c r="C67" s="102"/>
      <c r="D67" s="103">
        <v>0</v>
      </c>
      <c r="E67" s="103"/>
      <c r="F67" s="28">
        <v>0</v>
      </c>
      <c r="G67" s="28">
        <v>0</v>
      </c>
      <c r="H67" s="28">
        <v>0</v>
      </c>
      <c r="I67" s="28">
        <v>0</v>
      </c>
      <c r="J67" s="29">
        <v>0</v>
      </c>
    </row>
    <row r="68" spans="1:10" ht="19.5" customHeight="1">
      <c r="A68" s="27" t="s">
        <v>214</v>
      </c>
      <c r="B68" s="102" t="s">
        <v>215</v>
      </c>
      <c r="C68" s="102"/>
      <c r="D68" s="103">
        <v>0</v>
      </c>
      <c r="E68" s="103"/>
      <c r="F68" s="28">
        <v>0</v>
      </c>
      <c r="G68" s="28">
        <v>0</v>
      </c>
      <c r="H68" s="28">
        <v>0</v>
      </c>
      <c r="I68" s="28">
        <v>0</v>
      </c>
      <c r="J68" s="29">
        <v>0</v>
      </c>
    </row>
    <row r="69" spans="1:10" ht="17" customHeight="1">
      <c r="A69" s="27" t="s">
        <v>216</v>
      </c>
      <c r="B69" s="102" t="s">
        <v>217</v>
      </c>
      <c r="C69" s="102"/>
      <c r="D69" s="103">
        <v>0</v>
      </c>
      <c r="E69" s="103"/>
      <c r="F69" s="28">
        <v>0</v>
      </c>
      <c r="G69" s="28">
        <v>0</v>
      </c>
      <c r="H69" s="28">
        <v>0</v>
      </c>
      <c r="I69" s="28">
        <v>0</v>
      </c>
      <c r="J69" s="29">
        <v>0</v>
      </c>
    </row>
    <row r="70" spans="1:10" ht="19.5" customHeight="1">
      <c r="A70" s="27" t="s">
        <v>218</v>
      </c>
      <c r="B70" s="102" t="s">
        <v>219</v>
      </c>
      <c r="C70" s="102"/>
      <c r="D70" s="103">
        <v>0</v>
      </c>
      <c r="E70" s="103"/>
      <c r="F70" s="28">
        <v>0</v>
      </c>
      <c r="G70" s="28">
        <v>0</v>
      </c>
      <c r="H70" s="28">
        <v>0</v>
      </c>
      <c r="I70" s="28">
        <v>0</v>
      </c>
      <c r="J70" s="29">
        <v>0</v>
      </c>
    </row>
    <row r="71" spans="1:10" ht="17" customHeight="1">
      <c r="A71" s="27" t="s">
        <v>220</v>
      </c>
      <c r="B71" s="102" t="s">
        <v>156</v>
      </c>
      <c r="C71" s="102"/>
      <c r="D71" s="103">
        <v>0</v>
      </c>
      <c r="E71" s="103"/>
      <c r="F71" s="28">
        <v>0</v>
      </c>
      <c r="G71" s="28">
        <v>0</v>
      </c>
      <c r="H71" s="28">
        <v>0</v>
      </c>
      <c r="I71" s="28">
        <v>0</v>
      </c>
      <c r="J71" s="29">
        <v>0</v>
      </c>
    </row>
    <row r="72" spans="1:10" ht="17" customHeight="1">
      <c r="A72" s="27" t="s">
        <v>221</v>
      </c>
      <c r="B72" s="102" t="s">
        <v>156</v>
      </c>
      <c r="C72" s="102"/>
      <c r="D72" s="103">
        <v>0</v>
      </c>
      <c r="E72" s="103"/>
      <c r="F72" s="28">
        <v>0</v>
      </c>
      <c r="G72" s="28">
        <v>0</v>
      </c>
      <c r="H72" s="28">
        <v>0</v>
      </c>
      <c r="I72" s="28">
        <v>0</v>
      </c>
      <c r="J72" s="29">
        <v>0</v>
      </c>
    </row>
    <row r="73" spans="1:10" ht="17" customHeight="1">
      <c r="A73" s="27" t="s">
        <v>222</v>
      </c>
      <c r="B73" s="102" t="s">
        <v>156</v>
      </c>
      <c r="C73" s="102"/>
      <c r="D73" s="103">
        <v>0</v>
      </c>
      <c r="E73" s="103"/>
      <c r="F73" s="28">
        <v>0</v>
      </c>
      <c r="G73" s="28">
        <v>0</v>
      </c>
      <c r="H73" s="28">
        <v>0</v>
      </c>
      <c r="I73" s="28">
        <v>0</v>
      </c>
      <c r="J73" s="29">
        <v>0</v>
      </c>
    </row>
    <row r="74" spans="1:10" ht="17" customHeight="1">
      <c r="A74" s="27" t="s">
        <v>223</v>
      </c>
      <c r="B74" s="102" t="s">
        <v>156</v>
      </c>
      <c r="C74" s="102"/>
      <c r="D74" s="103">
        <v>0</v>
      </c>
      <c r="E74" s="103"/>
      <c r="F74" s="28">
        <v>0</v>
      </c>
      <c r="G74" s="28">
        <v>0</v>
      </c>
      <c r="H74" s="28">
        <v>0</v>
      </c>
      <c r="I74" s="28">
        <v>0</v>
      </c>
      <c r="J74" s="29">
        <v>0</v>
      </c>
    </row>
    <row r="75" spans="1:10" ht="17" customHeight="1">
      <c r="A75" s="30" t="s">
        <v>1</v>
      </c>
      <c r="B75" s="90" t="s">
        <v>224</v>
      </c>
      <c r="C75" s="90"/>
      <c r="D75" s="99">
        <v>0</v>
      </c>
      <c r="E75" s="99"/>
      <c r="F75" s="31">
        <v>0</v>
      </c>
      <c r="G75" s="31">
        <v>0</v>
      </c>
      <c r="H75" s="31">
        <v>0</v>
      </c>
      <c r="I75" s="31">
        <v>0</v>
      </c>
      <c r="J75" s="32">
        <v>0</v>
      </c>
    </row>
    <row r="76" spans="1:10" ht="17" customHeight="1">
      <c r="A76" s="17" t="s">
        <v>1</v>
      </c>
      <c r="B76" s="77" t="s">
        <v>1</v>
      </c>
      <c r="C76" s="77"/>
      <c r="D76" s="76" t="s">
        <v>1</v>
      </c>
      <c r="E76" s="76"/>
      <c r="F76" s="21" t="s">
        <v>1</v>
      </c>
      <c r="G76" s="21" t="s">
        <v>1</v>
      </c>
      <c r="H76" s="21" t="s">
        <v>1</v>
      </c>
      <c r="I76" s="21" t="s">
        <v>1</v>
      </c>
      <c r="J76" s="21" t="s">
        <v>1</v>
      </c>
    </row>
    <row r="77" spans="1:10" ht="14.4" customHeight="1">
      <c r="A77" s="104" t="s">
        <v>112</v>
      </c>
      <c r="B77" s="106" t="s">
        <v>73</v>
      </c>
      <c r="C77" s="106"/>
      <c r="D77" s="100" t="s">
        <v>114</v>
      </c>
      <c r="E77" s="100"/>
      <c r="F77" s="100"/>
      <c r="G77" s="100"/>
      <c r="H77" s="100" t="s">
        <v>115</v>
      </c>
      <c r="I77" s="100"/>
      <c r="J77" s="26" t="s">
        <v>1</v>
      </c>
    </row>
    <row r="78" spans="1:10" ht="14.4" customHeight="1">
      <c r="A78" s="105"/>
      <c r="B78" s="107"/>
      <c r="C78" s="107"/>
      <c r="D78" s="101" t="s">
        <v>116</v>
      </c>
      <c r="E78" s="101"/>
      <c r="F78" s="26" t="s">
        <v>117</v>
      </c>
      <c r="G78" s="26" t="s">
        <v>118</v>
      </c>
      <c r="H78" s="26" t="s">
        <v>116</v>
      </c>
      <c r="I78" s="26" t="s">
        <v>118</v>
      </c>
      <c r="J78" s="26" t="s">
        <v>119</v>
      </c>
    </row>
    <row r="79" spans="1:10" ht="17" customHeight="1">
      <c r="A79" s="27" t="s">
        <v>225</v>
      </c>
      <c r="B79" s="102" t="s">
        <v>156</v>
      </c>
      <c r="C79" s="102"/>
      <c r="D79" s="103">
        <v>0</v>
      </c>
      <c r="E79" s="103"/>
      <c r="F79" s="28">
        <v>0</v>
      </c>
      <c r="G79" s="28">
        <v>0</v>
      </c>
      <c r="H79" s="28">
        <v>0</v>
      </c>
      <c r="I79" s="28">
        <v>0</v>
      </c>
      <c r="J79" s="29">
        <v>0</v>
      </c>
    </row>
    <row r="80" spans="1:10" ht="17" customHeight="1">
      <c r="A80" s="27" t="s">
        <v>226</v>
      </c>
      <c r="B80" s="102" t="s">
        <v>156</v>
      </c>
      <c r="C80" s="102"/>
      <c r="D80" s="103">
        <v>0</v>
      </c>
      <c r="E80" s="103"/>
      <c r="F80" s="28">
        <v>0</v>
      </c>
      <c r="G80" s="28">
        <v>0</v>
      </c>
      <c r="H80" s="28">
        <v>0</v>
      </c>
      <c r="I80" s="28">
        <v>0</v>
      </c>
      <c r="J80" s="29">
        <v>0</v>
      </c>
    </row>
    <row r="81" spans="1:10" ht="17" customHeight="1">
      <c r="A81" s="30" t="s">
        <v>1</v>
      </c>
      <c r="B81" s="90" t="s">
        <v>227</v>
      </c>
      <c r="C81" s="90"/>
      <c r="D81" s="99">
        <v>0</v>
      </c>
      <c r="E81" s="99"/>
      <c r="F81" s="31">
        <v>0</v>
      </c>
      <c r="G81" s="31">
        <v>0</v>
      </c>
      <c r="H81" s="31">
        <v>0</v>
      </c>
      <c r="I81" s="31">
        <v>0</v>
      </c>
      <c r="J81" s="32">
        <v>0</v>
      </c>
    </row>
    <row r="82" spans="1:10" ht="17" customHeight="1">
      <c r="A82" s="30" t="s">
        <v>1</v>
      </c>
      <c r="B82" s="90" t="s">
        <v>228</v>
      </c>
      <c r="C82" s="90"/>
      <c r="D82" s="99">
        <v>3592.6126359999998</v>
      </c>
      <c r="E82" s="99"/>
      <c r="F82" s="31">
        <v>139.680003</v>
      </c>
      <c r="G82" s="31">
        <v>3732.2926389999998</v>
      </c>
      <c r="H82" s="31">
        <v>43111.32</v>
      </c>
      <c r="I82" s="31">
        <v>44787.24</v>
      </c>
      <c r="J82" s="32">
        <v>1</v>
      </c>
    </row>
    <row r="83" spans="1:10" ht="17" customHeight="1">
      <c r="A83" s="17" t="s">
        <v>1</v>
      </c>
      <c r="B83" s="77" t="s">
        <v>1</v>
      </c>
      <c r="C83" s="77"/>
      <c r="D83" s="76" t="s">
        <v>1</v>
      </c>
      <c r="E83" s="76"/>
      <c r="F83" s="21" t="s">
        <v>1</v>
      </c>
      <c r="G83" s="21" t="s">
        <v>1</v>
      </c>
      <c r="H83" s="21" t="s">
        <v>1</v>
      </c>
      <c r="I83" s="21" t="s">
        <v>1</v>
      </c>
      <c r="J83" s="21" t="s">
        <v>1</v>
      </c>
    </row>
    <row r="84" spans="1:10" ht="14.4" customHeight="1">
      <c r="A84" s="104" t="s">
        <v>112</v>
      </c>
      <c r="B84" s="106" t="s">
        <v>229</v>
      </c>
      <c r="C84" s="106"/>
      <c r="D84" s="100" t="s">
        <v>114</v>
      </c>
      <c r="E84" s="100"/>
      <c r="F84" s="100"/>
      <c r="G84" s="100"/>
      <c r="H84" s="100" t="s">
        <v>115</v>
      </c>
      <c r="I84" s="100"/>
      <c r="J84" s="26" t="s">
        <v>1</v>
      </c>
    </row>
    <row r="85" spans="1:10" ht="14.4" customHeight="1">
      <c r="A85" s="105"/>
      <c r="B85" s="107"/>
      <c r="C85" s="107"/>
      <c r="D85" s="101" t="s">
        <v>116</v>
      </c>
      <c r="E85" s="101"/>
      <c r="F85" s="26" t="s">
        <v>117</v>
      </c>
      <c r="G85" s="26" t="s">
        <v>118</v>
      </c>
      <c r="H85" s="26" t="s">
        <v>116</v>
      </c>
      <c r="I85" s="26" t="s">
        <v>118</v>
      </c>
      <c r="J85" s="26" t="s">
        <v>230</v>
      </c>
    </row>
    <row r="86" spans="1:10" ht="17" customHeight="1">
      <c r="A86" s="27" t="s">
        <v>231</v>
      </c>
      <c r="B86" s="102" t="s">
        <v>232</v>
      </c>
      <c r="C86" s="102"/>
      <c r="D86" s="103">
        <v>0</v>
      </c>
      <c r="E86" s="103"/>
      <c r="F86" s="28">
        <v>0</v>
      </c>
      <c r="G86" s="28">
        <v>0</v>
      </c>
      <c r="H86" s="28">
        <v>0</v>
      </c>
      <c r="I86" s="28">
        <v>0</v>
      </c>
      <c r="J86" s="29">
        <v>0</v>
      </c>
    </row>
    <row r="87" spans="1:10" ht="19.5" customHeight="1">
      <c r="A87" s="27" t="s">
        <v>233</v>
      </c>
      <c r="B87" s="102" t="s">
        <v>234</v>
      </c>
      <c r="C87" s="102"/>
      <c r="D87" s="103">
        <v>0</v>
      </c>
      <c r="E87" s="103"/>
      <c r="F87" s="28">
        <v>0</v>
      </c>
      <c r="G87" s="28">
        <v>0</v>
      </c>
      <c r="H87" s="28">
        <v>0</v>
      </c>
      <c r="I87" s="28">
        <v>0</v>
      </c>
      <c r="J87" s="29">
        <v>0</v>
      </c>
    </row>
    <row r="88" spans="1:10" ht="17" customHeight="1">
      <c r="A88" s="27" t="s">
        <v>235</v>
      </c>
      <c r="B88" s="102" t="s">
        <v>236</v>
      </c>
      <c r="C88" s="102"/>
      <c r="D88" s="103">
        <v>0</v>
      </c>
      <c r="E88" s="103"/>
      <c r="F88" s="28">
        <v>0</v>
      </c>
      <c r="G88" s="28">
        <v>0</v>
      </c>
      <c r="H88" s="28">
        <v>0</v>
      </c>
      <c r="I88" s="28">
        <v>0</v>
      </c>
      <c r="J88" s="29">
        <v>0</v>
      </c>
    </row>
    <row r="89" spans="1:10" ht="19.5" customHeight="1">
      <c r="A89" s="27" t="s">
        <v>237</v>
      </c>
      <c r="B89" s="102" t="s">
        <v>238</v>
      </c>
      <c r="C89" s="102"/>
      <c r="D89" s="103">
        <v>0</v>
      </c>
      <c r="E89" s="103"/>
      <c r="F89" s="28">
        <v>0</v>
      </c>
      <c r="G89" s="28">
        <v>0</v>
      </c>
      <c r="H89" s="28">
        <v>0</v>
      </c>
      <c r="I89" s="28">
        <v>0</v>
      </c>
      <c r="J89" s="29">
        <v>0</v>
      </c>
    </row>
    <row r="90" spans="1:10" ht="17" customHeight="1">
      <c r="A90" s="27" t="s">
        <v>239</v>
      </c>
      <c r="B90" s="102" t="s">
        <v>240</v>
      </c>
      <c r="C90" s="102"/>
      <c r="D90" s="103">
        <v>0</v>
      </c>
      <c r="E90" s="103"/>
      <c r="F90" s="28">
        <v>0</v>
      </c>
      <c r="G90" s="28">
        <v>0</v>
      </c>
      <c r="H90" s="28">
        <v>0</v>
      </c>
      <c r="I90" s="28">
        <v>0</v>
      </c>
      <c r="J90" s="29">
        <v>0</v>
      </c>
    </row>
    <row r="91" spans="1:10" ht="17" customHeight="1">
      <c r="A91" s="27" t="s">
        <v>241</v>
      </c>
      <c r="B91" s="102" t="s">
        <v>156</v>
      </c>
      <c r="C91" s="102"/>
      <c r="D91" s="103">
        <v>0</v>
      </c>
      <c r="E91" s="103"/>
      <c r="F91" s="28">
        <v>0</v>
      </c>
      <c r="G91" s="28">
        <v>0</v>
      </c>
      <c r="H91" s="28">
        <v>0</v>
      </c>
      <c r="I91" s="28">
        <v>0</v>
      </c>
      <c r="J91" s="29">
        <v>0</v>
      </c>
    </row>
    <row r="92" spans="1:10" ht="17" customHeight="1">
      <c r="A92" s="27" t="s">
        <v>242</v>
      </c>
      <c r="B92" s="102" t="s">
        <v>156</v>
      </c>
      <c r="C92" s="102"/>
      <c r="D92" s="103">
        <v>0</v>
      </c>
      <c r="E92" s="103"/>
      <c r="F92" s="28">
        <v>0</v>
      </c>
      <c r="G92" s="28">
        <v>0</v>
      </c>
      <c r="H92" s="28">
        <v>0</v>
      </c>
      <c r="I92" s="28">
        <v>0</v>
      </c>
      <c r="J92" s="29">
        <v>0</v>
      </c>
    </row>
    <row r="93" spans="1:10" ht="17" customHeight="1">
      <c r="A93" s="30" t="s">
        <v>243</v>
      </c>
      <c r="B93" s="90" t="s">
        <v>244</v>
      </c>
      <c r="C93" s="90"/>
      <c r="D93" s="99">
        <v>0</v>
      </c>
      <c r="E93" s="99"/>
      <c r="F93" s="31">
        <v>0</v>
      </c>
      <c r="G93" s="31">
        <v>0</v>
      </c>
      <c r="H93" s="31">
        <v>0</v>
      </c>
      <c r="I93" s="31">
        <v>0</v>
      </c>
      <c r="J93" s="32">
        <v>0</v>
      </c>
    </row>
    <row r="94" spans="1:10" ht="17" customHeight="1">
      <c r="A94" s="30" t="s">
        <v>1</v>
      </c>
      <c r="B94" s="90" t="s">
        <v>245</v>
      </c>
      <c r="C94" s="90"/>
      <c r="D94" s="99">
        <v>3592.6126359999998</v>
      </c>
      <c r="E94" s="99"/>
      <c r="F94" s="31">
        <v>139.680003</v>
      </c>
      <c r="G94" s="31">
        <v>3732.2926389999998</v>
      </c>
      <c r="H94" s="31">
        <v>43111.32</v>
      </c>
      <c r="I94" s="31">
        <v>44787.24</v>
      </c>
      <c r="J94" s="32"/>
    </row>
    <row r="95" spans="1:10" ht="17" customHeight="1">
      <c r="A95" s="17" t="s">
        <v>1</v>
      </c>
      <c r="B95" s="77" t="s">
        <v>1</v>
      </c>
      <c r="C95" s="77"/>
      <c r="D95" s="76" t="s">
        <v>1</v>
      </c>
      <c r="E95" s="76"/>
      <c r="F95" s="21" t="s">
        <v>1</v>
      </c>
      <c r="G95" s="21" t="s">
        <v>1</v>
      </c>
      <c r="H95" s="21" t="s">
        <v>1</v>
      </c>
      <c r="I95" s="21" t="s">
        <v>1</v>
      </c>
      <c r="J95" s="21" t="s">
        <v>1</v>
      </c>
    </row>
    <row r="96" spans="1:10" ht="14.4" customHeight="1">
      <c r="A96" s="104" t="s">
        <v>112</v>
      </c>
      <c r="B96" s="106" t="s">
        <v>246</v>
      </c>
      <c r="C96" s="106"/>
      <c r="D96" s="100" t="s">
        <v>114</v>
      </c>
      <c r="E96" s="100"/>
      <c r="F96" s="100"/>
      <c r="G96" s="100"/>
      <c r="H96" s="100" t="s">
        <v>115</v>
      </c>
      <c r="I96" s="100"/>
      <c r="J96" s="26" t="s">
        <v>1</v>
      </c>
    </row>
    <row r="97" spans="1:10" ht="14.4" customHeight="1">
      <c r="A97" s="105"/>
      <c r="B97" s="107"/>
      <c r="C97" s="107"/>
      <c r="D97" s="101" t="s">
        <v>116</v>
      </c>
      <c r="E97" s="101"/>
      <c r="F97" s="26" t="s">
        <v>117</v>
      </c>
      <c r="G97" s="26" t="s">
        <v>118</v>
      </c>
      <c r="H97" s="26" t="s">
        <v>116</v>
      </c>
      <c r="I97" s="26" t="s">
        <v>118</v>
      </c>
      <c r="J97" s="26" t="s">
        <v>1</v>
      </c>
    </row>
    <row r="98" spans="1:10" ht="17" customHeight="1">
      <c r="A98" s="27" t="s">
        <v>247</v>
      </c>
      <c r="B98" s="102" t="s">
        <v>246</v>
      </c>
      <c r="C98" s="102"/>
      <c r="D98" s="103">
        <v>0</v>
      </c>
      <c r="E98" s="103"/>
      <c r="F98" s="28">
        <v>0</v>
      </c>
      <c r="G98" s="28">
        <v>0</v>
      </c>
      <c r="H98" s="28">
        <v>0</v>
      </c>
      <c r="I98" s="28">
        <v>0</v>
      </c>
      <c r="J98" s="29"/>
    </row>
    <row r="99" spans="1:10" ht="17" customHeight="1">
      <c r="A99" s="27" t="s">
        <v>248</v>
      </c>
      <c r="B99" s="102" t="s">
        <v>1</v>
      </c>
      <c r="C99" s="102"/>
      <c r="D99" s="103"/>
      <c r="E99" s="103"/>
      <c r="F99" s="28"/>
      <c r="G99" s="28"/>
      <c r="H99" s="28"/>
      <c r="I99" s="28"/>
      <c r="J99" s="29"/>
    </row>
    <row r="100" spans="1:10" ht="17" customHeight="1">
      <c r="A100" s="27" t="s">
        <v>249</v>
      </c>
      <c r="B100" s="102" t="s">
        <v>1</v>
      </c>
      <c r="C100" s="102"/>
      <c r="D100" s="103"/>
      <c r="E100" s="103"/>
      <c r="F100" s="28"/>
      <c r="G100" s="28"/>
      <c r="H100" s="28"/>
      <c r="I100" s="28"/>
      <c r="J100" s="29"/>
    </row>
    <row r="101" spans="1:10" ht="17" customHeight="1">
      <c r="A101" s="27" t="s">
        <v>250</v>
      </c>
      <c r="B101" s="102" t="s">
        <v>1</v>
      </c>
      <c r="C101" s="102"/>
      <c r="D101" s="103"/>
      <c r="E101" s="103"/>
      <c r="F101" s="28"/>
      <c r="G101" s="28"/>
      <c r="H101" s="28"/>
      <c r="I101" s="28"/>
      <c r="J101" s="29"/>
    </row>
    <row r="102" spans="1:10" ht="17" customHeight="1">
      <c r="A102" s="27" t="s">
        <v>251</v>
      </c>
      <c r="B102" s="102" t="s">
        <v>252</v>
      </c>
      <c r="C102" s="102"/>
      <c r="D102" s="103">
        <v>0</v>
      </c>
      <c r="E102" s="103"/>
      <c r="F102" s="28">
        <v>0</v>
      </c>
      <c r="G102" s="28">
        <v>0</v>
      </c>
      <c r="H102" s="28">
        <v>0</v>
      </c>
      <c r="I102" s="28">
        <v>0</v>
      </c>
      <c r="J102" s="29"/>
    </row>
    <row r="103" spans="1:10" ht="17" customHeight="1">
      <c r="A103" s="17" t="s">
        <v>1</v>
      </c>
      <c r="B103" s="77" t="s">
        <v>1</v>
      </c>
      <c r="C103" s="77"/>
      <c r="D103" s="76" t="s">
        <v>1</v>
      </c>
      <c r="E103" s="76"/>
      <c r="F103" s="21" t="s">
        <v>1</v>
      </c>
      <c r="G103" s="21" t="s">
        <v>1</v>
      </c>
      <c r="H103" s="21" t="s">
        <v>1</v>
      </c>
      <c r="I103" s="21" t="s">
        <v>1</v>
      </c>
      <c r="J103" s="21" t="s">
        <v>1</v>
      </c>
    </row>
    <row r="104" spans="1:10" ht="14.4" customHeight="1">
      <c r="A104" s="104" t="s">
        <v>112</v>
      </c>
      <c r="B104" s="106" t="s">
        <v>253</v>
      </c>
      <c r="C104" s="106"/>
      <c r="D104" s="100" t="s">
        <v>114</v>
      </c>
      <c r="E104" s="100"/>
      <c r="F104" s="100"/>
      <c r="G104" s="100"/>
      <c r="H104" s="100" t="s">
        <v>115</v>
      </c>
      <c r="I104" s="100"/>
      <c r="J104" s="26" t="s">
        <v>1</v>
      </c>
    </row>
    <row r="105" spans="1:10" ht="14.4" customHeight="1">
      <c r="A105" s="105"/>
      <c r="B105" s="107"/>
      <c r="C105" s="107"/>
      <c r="D105" s="101" t="s">
        <v>116</v>
      </c>
      <c r="E105" s="101"/>
      <c r="F105" s="26" t="s">
        <v>117</v>
      </c>
      <c r="G105" s="26" t="s">
        <v>118</v>
      </c>
      <c r="H105" s="26" t="s">
        <v>116</v>
      </c>
      <c r="I105" s="26" t="s">
        <v>118</v>
      </c>
      <c r="J105" s="26" t="s">
        <v>1</v>
      </c>
    </row>
    <row r="106" spans="1:10" ht="19.5" customHeight="1">
      <c r="A106" s="27" t="s">
        <v>254</v>
      </c>
      <c r="B106" s="102" t="s">
        <v>255</v>
      </c>
      <c r="C106" s="102"/>
      <c r="D106" s="103">
        <v>0</v>
      </c>
      <c r="E106" s="103"/>
      <c r="F106" s="28">
        <v>0</v>
      </c>
      <c r="G106" s="28">
        <v>0</v>
      </c>
      <c r="H106" s="28">
        <v>0</v>
      </c>
      <c r="I106" s="28">
        <v>0</v>
      </c>
      <c r="J106" s="29"/>
    </row>
    <row r="107" spans="1:10" ht="17" customHeight="1">
      <c r="A107" s="27" t="s">
        <v>256</v>
      </c>
      <c r="B107" s="102" t="s">
        <v>257</v>
      </c>
      <c r="C107" s="102"/>
      <c r="D107" s="103">
        <v>3592.6126359999998</v>
      </c>
      <c r="E107" s="103"/>
      <c r="F107" s="28">
        <v>139.680003</v>
      </c>
      <c r="G107" s="28">
        <v>3732.2926389999998</v>
      </c>
      <c r="H107" s="28">
        <v>43111.32</v>
      </c>
      <c r="I107" s="28">
        <v>44787.24</v>
      </c>
      <c r="J107" s="29"/>
    </row>
    <row r="108" spans="1:10" ht="17" customHeight="1">
      <c r="A108" s="30" t="s">
        <v>258</v>
      </c>
      <c r="B108" s="90" t="s">
        <v>259</v>
      </c>
      <c r="C108" s="90"/>
      <c r="D108" s="99">
        <v>3592.6126359999998</v>
      </c>
      <c r="E108" s="99"/>
      <c r="F108" s="31">
        <v>139.680003</v>
      </c>
      <c r="G108" s="31">
        <v>3732.2926389999998</v>
      </c>
      <c r="H108" s="31">
        <v>43111.32</v>
      </c>
      <c r="I108" s="31">
        <v>44787.24</v>
      </c>
      <c r="J108" s="32"/>
    </row>
    <row r="109" spans="1:10" ht="17" customHeight="1">
      <c r="A109" s="17" t="s">
        <v>1</v>
      </c>
      <c r="B109" s="77" t="s">
        <v>1</v>
      </c>
      <c r="C109" s="77"/>
      <c r="D109" s="76" t="s">
        <v>1</v>
      </c>
      <c r="E109" s="76"/>
      <c r="F109" s="21" t="s">
        <v>1</v>
      </c>
      <c r="G109" s="21" t="s">
        <v>1</v>
      </c>
      <c r="H109" s="21" t="s">
        <v>1</v>
      </c>
      <c r="I109" s="21" t="s">
        <v>1</v>
      </c>
      <c r="J109" s="21" t="s">
        <v>1</v>
      </c>
    </row>
  </sheetData>
  <mergeCells count="219">
    <mergeCell ref="E2:J2"/>
    <mergeCell ref="A1:B3"/>
    <mergeCell ref="A5:J5"/>
    <mergeCell ref="A6:A7"/>
    <mergeCell ref="B6:C7"/>
    <mergeCell ref="D6:G6"/>
    <mergeCell ref="H6:I6"/>
    <mergeCell ref="D7:E7"/>
    <mergeCell ref="B11:C11"/>
    <mergeCell ref="D11:E11"/>
    <mergeCell ref="B12:C12"/>
    <mergeCell ref="D12:E12"/>
    <mergeCell ref="B13:C13"/>
    <mergeCell ref="D13:E13"/>
    <mergeCell ref="B8:C8"/>
    <mergeCell ref="D8:E8"/>
    <mergeCell ref="B9:C9"/>
    <mergeCell ref="D9:E9"/>
    <mergeCell ref="B10:C10"/>
    <mergeCell ref="D10:E10"/>
    <mergeCell ref="B17:C17"/>
    <mergeCell ref="D17:E17"/>
    <mergeCell ref="B18:C18"/>
    <mergeCell ref="D18:E18"/>
    <mergeCell ref="B19:C19"/>
    <mergeCell ref="D19:E19"/>
    <mergeCell ref="B14:C14"/>
    <mergeCell ref="D14:E14"/>
    <mergeCell ref="B15:C15"/>
    <mergeCell ref="D15:E15"/>
    <mergeCell ref="B16:C16"/>
    <mergeCell ref="D16:E16"/>
    <mergeCell ref="B23:C23"/>
    <mergeCell ref="D23:E23"/>
    <mergeCell ref="B24:C24"/>
    <mergeCell ref="D24:E24"/>
    <mergeCell ref="B25:C25"/>
    <mergeCell ref="D25:E25"/>
    <mergeCell ref="B20:C20"/>
    <mergeCell ref="D20:E20"/>
    <mergeCell ref="B21:C21"/>
    <mergeCell ref="D21:E21"/>
    <mergeCell ref="B22:C22"/>
    <mergeCell ref="D22:E22"/>
    <mergeCell ref="B29:C29"/>
    <mergeCell ref="D29:E29"/>
    <mergeCell ref="B30:C30"/>
    <mergeCell ref="D30:E30"/>
    <mergeCell ref="A31:A32"/>
    <mergeCell ref="B31:C32"/>
    <mergeCell ref="D31:G31"/>
    <mergeCell ref="B26:C26"/>
    <mergeCell ref="D26:E26"/>
    <mergeCell ref="B27:C27"/>
    <mergeCell ref="D27:E27"/>
    <mergeCell ref="B28:C28"/>
    <mergeCell ref="D28:E28"/>
    <mergeCell ref="B35:C35"/>
    <mergeCell ref="D35:E35"/>
    <mergeCell ref="B36:C36"/>
    <mergeCell ref="D36:E36"/>
    <mergeCell ref="B37:C37"/>
    <mergeCell ref="D37:E37"/>
    <mergeCell ref="H31:I31"/>
    <mergeCell ref="D32:E32"/>
    <mergeCell ref="B33:C33"/>
    <mergeCell ref="D33:E33"/>
    <mergeCell ref="B34:C34"/>
    <mergeCell ref="D34:E34"/>
    <mergeCell ref="B41:C41"/>
    <mergeCell ref="D41:E41"/>
    <mergeCell ref="B42:C42"/>
    <mergeCell ref="D42:E42"/>
    <mergeCell ref="B43:C43"/>
    <mergeCell ref="D43:E43"/>
    <mergeCell ref="B38:C38"/>
    <mergeCell ref="D38:E38"/>
    <mergeCell ref="B39:C39"/>
    <mergeCell ref="D39:E39"/>
    <mergeCell ref="B40:C40"/>
    <mergeCell ref="D40:E40"/>
    <mergeCell ref="B47:C47"/>
    <mergeCell ref="D47:E47"/>
    <mergeCell ref="B48:C48"/>
    <mergeCell ref="D48:E48"/>
    <mergeCell ref="B49:C49"/>
    <mergeCell ref="D49:E49"/>
    <mergeCell ref="B44:C44"/>
    <mergeCell ref="D44:E44"/>
    <mergeCell ref="B45:C45"/>
    <mergeCell ref="D45:E45"/>
    <mergeCell ref="B46:C46"/>
    <mergeCell ref="D46:E46"/>
    <mergeCell ref="A53:A54"/>
    <mergeCell ref="B53:C54"/>
    <mergeCell ref="D53:G53"/>
    <mergeCell ref="H53:I53"/>
    <mergeCell ref="D54:E54"/>
    <mergeCell ref="B50:C50"/>
    <mergeCell ref="D50:E50"/>
    <mergeCell ref="B51:C51"/>
    <mergeCell ref="D51:E51"/>
    <mergeCell ref="B52:C52"/>
    <mergeCell ref="D52:E52"/>
    <mergeCell ref="A58:A59"/>
    <mergeCell ref="B58:C59"/>
    <mergeCell ref="D58:G58"/>
    <mergeCell ref="H58:I58"/>
    <mergeCell ref="D59:E59"/>
    <mergeCell ref="B55:C55"/>
    <mergeCell ref="D55:E55"/>
    <mergeCell ref="B56:C56"/>
    <mergeCell ref="D56:E56"/>
    <mergeCell ref="B57:C57"/>
    <mergeCell ref="D57:E57"/>
    <mergeCell ref="B63:C63"/>
    <mergeCell ref="D63:E63"/>
    <mergeCell ref="B64:C64"/>
    <mergeCell ref="D64:E64"/>
    <mergeCell ref="B65:C65"/>
    <mergeCell ref="D65:E65"/>
    <mergeCell ref="B60:C60"/>
    <mergeCell ref="D60:E60"/>
    <mergeCell ref="B61:C61"/>
    <mergeCell ref="D61:E61"/>
    <mergeCell ref="B62:C62"/>
    <mergeCell ref="D62:E62"/>
    <mergeCell ref="B69:C69"/>
    <mergeCell ref="D69:E69"/>
    <mergeCell ref="B70:C70"/>
    <mergeCell ref="D70:E70"/>
    <mergeCell ref="B71:C71"/>
    <mergeCell ref="D71:E71"/>
    <mergeCell ref="B66:C66"/>
    <mergeCell ref="D66:E66"/>
    <mergeCell ref="B67:C67"/>
    <mergeCell ref="D67:E67"/>
    <mergeCell ref="B68:C68"/>
    <mergeCell ref="D68:E68"/>
    <mergeCell ref="B75:C75"/>
    <mergeCell ref="D75:E75"/>
    <mergeCell ref="B76:C76"/>
    <mergeCell ref="D76:E76"/>
    <mergeCell ref="A77:A78"/>
    <mergeCell ref="B77:C78"/>
    <mergeCell ref="D77:G77"/>
    <mergeCell ref="B72:C72"/>
    <mergeCell ref="D72:E72"/>
    <mergeCell ref="B73:C73"/>
    <mergeCell ref="D73:E73"/>
    <mergeCell ref="B74:C74"/>
    <mergeCell ref="D74:E74"/>
    <mergeCell ref="H84:I84"/>
    <mergeCell ref="D85:E85"/>
    <mergeCell ref="B81:C81"/>
    <mergeCell ref="D81:E81"/>
    <mergeCell ref="B82:C82"/>
    <mergeCell ref="D82:E82"/>
    <mergeCell ref="B83:C83"/>
    <mergeCell ref="D83:E83"/>
    <mergeCell ref="H77:I77"/>
    <mergeCell ref="D78:E78"/>
    <mergeCell ref="B79:C79"/>
    <mergeCell ref="D79:E79"/>
    <mergeCell ref="B80:C80"/>
    <mergeCell ref="D80:E80"/>
    <mergeCell ref="B86:C86"/>
    <mergeCell ref="D86:E86"/>
    <mergeCell ref="B87:C87"/>
    <mergeCell ref="D87:E87"/>
    <mergeCell ref="B88:C88"/>
    <mergeCell ref="D88:E88"/>
    <mergeCell ref="A84:A85"/>
    <mergeCell ref="B84:C85"/>
    <mergeCell ref="D84:G84"/>
    <mergeCell ref="B92:C92"/>
    <mergeCell ref="D92:E92"/>
    <mergeCell ref="B93:C93"/>
    <mergeCell ref="D93:E93"/>
    <mergeCell ref="B94:C94"/>
    <mergeCell ref="D94:E94"/>
    <mergeCell ref="B89:C89"/>
    <mergeCell ref="D89:E89"/>
    <mergeCell ref="B90:C90"/>
    <mergeCell ref="D90:E90"/>
    <mergeCell ref="B91:C91"/>
    <mergeCell ref="D91:E91"/>
    <mergeCell ref="H96:I96"/>
    <mergeCell ref="D97:E97"/>
    <mergeCell ref="B98:C98"/>
    <mergeCell ref="D98:E98"/>
    <mergeCell ref="B99:C99"/>
    <mergeCell ref="D99:E99"/>
    <mergeCell ref="B95:C95"/>
    <mergeCell ref="D95:E95"/>
    <mergeCell ref="A96:A97"/>
    <mergeCell ref="B96:C97"/>
    <mergeCell ref="D96:G96"/>
    <mergeCell ref="B103:C103"/>
    <mergeCell ref="D103:E103"/>
    <mergeCell ref="A104:A105"/>
    <mergeCell ref="B104:C105"/>
    <mergeCell ref="D104:G104"/>
    <mergeCell ref="B100:C100"/>
    <mergeCell ref="D100:E100"/>
    <mergeCell ref="B101:C101"/>
    <mergeCell ref="D101:E101"/>
    <mergeCell ref="B102:C102"/>
    <mergeCell ref="D102:E102"/>
    <mergeCell ref="B108:C108"/>
    <mergeCell ref="D108:E108"/>
    <mergeCell ref="B109:C109"/>
    <mergeCell ref="D109:E109"/>
    <mergeCell ref="H104:I104"/>
    <mergeCell ref="D105:E105"/>
    <mergeCell ref="B106:C106"/>
    <mergeCell ref="D106:E106"/>
    <mergeCell ref="B107:C107"/>
    <mergeCell ref="D107:E107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C19"/>
  <sheetViews>
    <sheetView showGridLines="0" workbookViewId="0">
      <pane ySplit="5" topLeftCell="A6" activePane="bottomLeft" state="frozenSplit"/>
      <selection pane="bottomLeft" sqref="A1:C3"/>
    </sheetView>
  </sheetViews>
  <sheetFormatPr defaultRowHeight="15" customHeight="1"/>
  <cols>
    <col min="1" max="1" width="5.36328125" customWidth="1"/>
    <col min="2" max="2" width="11.08984375" customWidth="1"/>
    <col min="3" max="3" width="4.453125" customWidth="1"/>
    <col min="4" max="4" width="8" customWidth="1"/>
    <col min="5" max="5" width="5.453125" customWidth="1"/>
    <col min="6" max="6" width="7" customWidth="1"/>
    <col min="7" max="7" width="8.6328125" customWidth="1"/>
    <col min="8" max="8" width="5.453125" customWidth="1"/>
    <col min="9" max="9" width="7" customWidth="1"/>
    <col min="10" max="10" width="8.6328125" customWidth="1"/>
    <col min="11" max="11" width="5.453125" customWidth="1"/>
    <col min="12" max="12" width="7" customWidth="1"/>
    <col min="13" max="13" width="8.6328125" customWidth="1"/>
    <col min="14" max="15" width="5.6328125" customWidth="1"/>
    <col min="16" max="16" width="7" customWidth="1"/>
    <col min="17" max="17" width="7.6328125" customWidth="1"/>
    <col min="18" max="18" width="1" customWidth="1"/>
    <col min="19" max="19" width="5.453125" customWidth="1"/>
    <col min="20" max="20" width="7" customWidth="1"/>
    <col min="21" max="21" width="8.6328125" customWidth="1"/>
    <col min="22" max="22" width="5.453125" customWidth="1"/>
    <col min="23" max="23" width="7" customWidth="1"/>
    <col min="24" max="24" width="8.6328125" customWidth="1"/>
    <col min="25" max="25" width="5.453125" customWidth="1"/>
    <col min="26" max="26" width="7" customWidth="1"/>
    <col min="27" max="29" width="8.6328125" customWidth="1"/>
  </cols>
  <sheetData>
    <row r="1" spans="1:29" ht="18.899999999999999" customHeight="1">
      <c r="A1" s="98"/>
      <c r="B1" s="98"/>
      <c r="C1" s="98"/>
      <c r="D1" s="13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</row>
    <row r="2" spans="1:29" ht="23.5" customHeight="1">
      <c r="A2" s="72"/>
      <c r="B2" s="72"/>
      <c r="C2" s="72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73" t="s">
        <v>260</v>
      </c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</row>
    <row r="3" spans="1:29" ht="17" customHeight="1">
      <c r="A3" s="72"/>
      <c r="B3" s="72"/>
      <c r="C3" s="72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</row>
    <row r="4" spans="1:29" ht="5.4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</row>
    <row r="5" spans="1:29" ht="17" customHeight="1">
      <c r="A5" s="74" t="s">
        <v>1</v>
      </c>
      <c r="B5" s="74"/>
      <c r="C5" s="74"/>
      <c r="D5" s="74"/>
      <c r="E5" s="74"/>
      <c r="F5" s="74"/>
      <c r="G5" s="74"/>
      <c r="H5" s="74"/>
      <c r="I5" s="74"/>
      <c r="J5" s="74"/>
      <c r="K5" s="74"/>
      <c r="L5" s="74"/>
      <c r="M5" s="74"/>
      <c r="N5" s="74"/>
      <c r="O5" s="74"/>
      <c r="P5" s="74"/>
      <c r="Q5" s="74"/>
      <c r="R5" s="74"/>
      <c r="S5" s="74"/>
      <c r="T5" s="74"/>
      <c r="U5" s="74"/>
      <c r="V5" s="74"/>
      <c r="W5" s="74"/>
      <c r="X5" s="74"/>
      <c r="Y5" s="74"/>
      <c r="Z5" s="74"/>
      <c r="AA5" s="74"/>
      <c r="AB5" s="74"/>
      <c r="AC5" s="74"/>
    </row>
    <row r="6" spans="1:29" ht="14.4" customHeight="1">
      <c r="A6" s="118" t="s">
        <v>261</v>
      </c>
      <c r="B6" s="119"/>
      <c r="C6" s="119"/>
      <c r="D6" s="119"/>
      <c r="E6" s="33" t="s">
        <v>1</v>
      </c>
      <c r="F6" s="33" t="s">
        <v>1</v>
      </c>
      <c r="G6" s="33" t="s">
        <v>1</v>
      </c>
      <c r="H6" s="33" t="s">
        <v>1</v>
      </c>
      <c r="I6" s="33" t="s">
        <v>1</v>
      </c>
      <c r="J6" s="33" t="s">
        <v>1</v>
      </c>
      <c r="K6" s="33" t="s">
        <v>1</v>
      </c>
      <c r="L6" s="33" t="s">
        <v>1</v>
      </c>
      <c r="M6" s="33" t="s">
        <v>1</v>
      </c>
      <c r="N6" s="33" t="s">
        <v>1</v>
      </c>
      <c r="O6" s="33" t="s">
        <v>1</v>
      </c>
      <c r="P6" s="33" t="s">
        <v>1</v>
      </c>
      <c r="Q6" s="120" t="s">
        <v>1</v>
      </c>
      <c r="R6" s="120"/>
      <c r="S6" s="33" t="s">
        <v>1</v>
      </c>
      <c r="T6" s="33" t="s">
        <v>1</v>
      </c>
      <c r="U6" s="33" t="s">
        <v>1</v>
      </c>
      <c r="V6" s="33" t="s">
        <v>1</v>
      </c>
      <c r="W6" s="33" t="s">
        <v>1</v>
      </c>
      <c r="X6" s="33" t="s">
        <v>1</v>
      </c>
      <c r="Y6" s="33" t="s">
        <v>1</v>
      </c>
      <c r="Z6" s="33" t="s">
        <v>1</v>
      </c>
      <c r="AA6" s="33" t="s">
        <v>1</v>
      </c>
      <c r="AB6" s="33" t="s">
        <v>1</v>
      </c>
      <c r="AC6" s="34" t="s">
        <v>1</v>
      </c>
    </row>
    <row r="7" spans="1:29" ht="14.4" customHeight="1">
      <c r="A7" s="35" t="s">
        <v>1</v>
      </c>
      <c r="B7" s="36" t="s">
        <v>1</v>
      </c>
      <c r="C7" s="37" t="s">
        <v>1</v>
      </c>
      <c r="D7" s="38" t="s">
        <v>1</v>
      </c>
      <c r="E7" s="114" t="s">
        <v>262</v>
      </c>
      <c r="F7" s="100"/>
      <c r="G7" s="100"/>
      <c r="H7" s="114" t="s">
        <v>263</v>
      </c>
      <c r="I7" s="100"/>
      <c r="J7" s="100"/>
      <c r="K7" s="114" t="s">
        <v>264</v>
      </c>
      <c r="L7" s="100"/>
      <c r="M7" s="100"/>
      <c r="N7" s="114" t="s">
        <v>265</v>
      </c>
      <c r="O7" s="100"/>
      <c r="P7" s="100"/>
      <c r="Q7" s="100"/>
      <c r="R7" s="100"/>
      <c r="S7" s="114" t="s">
        <v>266</v>
      </c>
      <c r="T7" s="100"/>
      <c r="U7" s="100"/>
      <c r="V7" s="114" t="s">
        <v>267</v>
      </c>
      <c r="W7" s="100"/>
      <c r="X7" s="100"/>
      <c r="Y7" s="114" t="s">
        <v>268</v>
      </c>
      <c r="Z7" s="100"/>
      <c r="AA7" s="100"/>
      <c r="AB7" s="114" t="s">
        <v>269</v>
      </c>
      <c r="AC7" s="115"/>
    </row>
    <row r="8" spans="1:29" ht="25.65" customHeight="1">
      <c r="A8" s="39" t="s">
        <v>78</v>
      </c>
      <c r="B8" s="40" t="s">
        <v>80</v>
      </c>
      <c r="C8" s="41" t="s">
        <v>85</v>
      </c>
      <c r="D8" s="41" t="s">
        <v>270</v>
      </c>
      <c r="E8" s="41" t="s">
        <v>271</v>
      </c>
      <c r="F8" s="41" t="s">
        <v>114</v>
      </c>
      <c r="G8" s="41" t="s">
        <v>115</v>
      </c>
      <c r="H8" s="41" t="s">
        <v>272</v>
      </c>
      <c r="I8" s="41" t="s">
        <v>114</v>
      </c>
      <c r="J8" s="41" t="s">
        <v>115</v>
      </c>
      <c r="K8" s="41" t="s">
        <v>273</v>
      </c>
      <c r="L8" s="41" t="s">
        <v>114</v>
      </c>
      <c r="M8" s="41" t="s">
        <v>115</v>
      </c>
      <c r="N8" s="41" t="s">
        <v>274</v>
      </c>
      <c r="O8" s="41" t="s">
        <v>86</v>
      </c>
      <c r="P8" s="41" t="s">
        <v>114</v>
      </c>
      <c r="Q8" s="116" t="s">
        <v>115</v>
      </c>
      <c r="R8" s="117"/>
      <c r="S8" s="41" t="s">
        <v>275</v>
      </c>
      <c r="T8" s="41" t="s">
        <v>114</v>
      </c>
      <c r="U8" s="41" t="s">
        <v>115</v>
      </c>
      <c r="V8" s="41" t="s">
        <v>276</v>
      </c>
      <c r="W8" s="41" t="s">
        <v>114</v>
      </c>
      <c r="X8" s="41" t="s">
        <v>115</v>
      </c>
      <c r="Y8" s="41" t="s">
        <v>277</v>
      </c>
      <c r="Z8" s="41" t="s">
        <v>114</v>
      </c>
      <c r="AA8" s="41" t="s">
        <v>115</v>
      </c>
      <c r="AB8" s="41" t="s">
        <v>114</v>
      </c>
      <c r="AC8" s="42" t="s">
        <v>115</v>
      </c>
    </row>
    <row r="9" spans="1:29" ht="17.149999999999999" customHeight="1">
      <c r="A9" s="43">
        <v>1</v>
      </c>
      <c r="B9" s="44" t="s">
        <v>90</v>
      </c>
      <c r="C9" s="45">
        <v>2.6667E-2</v>
      </c>
      <c r="D9" s="46">
        <v>1</v>
      </c>
      <c r="E9" s="47">
        <v>30.015000000000001</v>
      </c>
      <c r="F9" s="47">
        <v>130.511652</v>
      </c>
      <c r="G9" s="47">
        <v>1566.12</v>
      </c>
      <c r="H9" s="48">
        <v>0.11700000000000001</v>
      </c>
      <c r="I9" s="47">
        <v>15.269863000000001</v>
      </c>
      <c r="J9" s="47">
        <v>183.24</v>
      </c>
      <c r="K9" s="48">
        <v>4.1000000000000002E-2</v>
      </c>
      <c r="L9" s="47">
        <v>5.3509779999999996</v>
      </c>
      <c r="M9" s="47">
        <v>64.2</v>
      </c>
      <c r="N9" s="48">
        <v>0</v>
      </c>
      <c r="O9" s="48">
        <v>0</v>
      </c>
      <c r="P9" s="47">
        <v>0</v>
      </c>
      <c r="Q9" s="108">
        <v>0</v>
      </c>
      <c r="R9" s="109"/>
      <c r="S9" s="48">
        <v>7.6999999999999999E-2</v>
      </c>
      <c r="T9" s="47">
        <v>0</v>
      </c>
      <c r="U9" s="47">
        <v>0</v>
      </c>
      <c r="V9" s="48">
        <v>0.1138</v>
      </c>
      <c r="W9" s="47">
        <v>14.845700000000001</v>
      </c>
      <c r="X9" s="47">
        <v>178.2</v>
      </c>
      <c r="Y9" s="48">
        <v>0</v>
      </c>
      <c r="Z9" s="47">
        <v>0</v>
      </c>
      <c r="AA9" s="47">
        <v>0</v>
      </c>
      <c r="AB9" s="47">
        <v>165.978193</v>
      </c>
      <c r="AC9" s="49">
        <v>1991.76</v>
      </c>
    </row>
    <row r="10" spans="1:29" ht="17.149999999999999" customHeight="1">
      <c r="A10" s="50" t="s">
        <v>1</v>
      </c>
      <c r="B10" s="51" t="s">
        <v>278</v>
      </c>
      <c r="C10" s="52">
        <v>2.6667E-2</v>
      </c>
      <c r="D10" s="53">
        <v>1</v>
      </c>
      <c r="E10" s="54"/>
      <c r="F10" s="54">
        <v>130.511652</v>
      </c>
      <c r="G10" s="54">
        <v>1566.12</v>
      </c>
      <c r="H10" s="55"/>
      <c r="I10" s="54">
        <v>15.269863000000001</v>
      </c>
      <c r="J10" s="54">
        <v>183.24</v>
      </c>
      <c r="K10" s="55"/>
      <c r="L10" s="54">
        <v>5.3509779999999996</v>
      </c>
      <c r="M10" s="54">
        <v>64.2</v>
      </c>
      <c r="N10" s="55"/>
      <c r="O10" s="55"/>
      <c r="P10" s="54">
        <v>0</v>
      </c>
      <c r="Q10" s="110">
        <v>0</v>
      </c>
      <c r="R10" s="111"/>
      <c r="S10" s="55"/>
      <c r="T10" s="54">
        <v>0</v>
      </c>
      <c r="U10" s="54">
        <v>0</v>
      </c>
      <c r="V10" s="55"/>
      <c r="W10" s="54">
        <v>14.845700000000001</v>
      </c>
      <c r="X10" s="54">
        <v>178.2</v>
      </c>
      <c r="Y10" s="55"/>
      <c r="Z10" s="54">
        <v>0</v>
      </c>
      <c r="AA10" s="54">
        <v>0</v>
      </c>
      <c r="AB10" s="54">
        <v>165.978193</v>
      </c>
      <c r="AC10" s="56">
        <v>1991.76</v>
      </c>
    </row>
    <row r="11" spans="1:29" ht="14.4" customHeight="1">
      <c r="A11" s="57" t="s">
        <v>1</v>
      </c>
      <c r="B11" s="57" t="s">
        <v>1</v>
      </c>
      <c r="C11" s="58" t="s">
        <v>1</v>
      </c>
      <c r="D11" s="58" t="s">
        <v>1</v>
      </c>
      <c r="E11" s="58" t="s">
        <v>1</v>
      </c>
      <c r="F11" s="58" t="s">
        <v>1</v>
      </c>
      <c r="G11" s="58" t="s">
        <v>1</v>
      </c>
      <c r="H11" s="58" t="s">
        <v>1</v>
      </c>
      <c r="I11" s="58" t="s">
        <v>1</v>
      </c>
      <c r="J11" s="58" t="s">
        <v>1</v>
      </c>
      <c r="K11" s="58" t="s">
        <v>1</v>
      </c>
      <c r="L11" s="58" t="s">
        <v>1</v>
      </c>
      <c r="M11" s="58" t="s">
        <v>1</v>
      </c>
      <c r="N11" s="58" t="s">
        <v>1</v>
      </c>
      <c r="O11" s="58" t="s">
        <v>1</v>
      </c>
      <c r="P11" s="58" t="s">
        <v>1</v>
      </c>
      <c r="Q11" s="112" t="s">
        <v>1</v>
      </c>
      <c r="R11" s="113"/>
      <c r="S11" s="58" t="s">
        <v>1</v>
      </c>
      <c r="T11" s="58" t="s">
        <v>1</v>
      </c>
      <c r="U11" s="58" t="s">
        <v>1</v>
      </c>
      <c r="V11" s="58" t="s">
        <v>1</v>
      </c>
      <c r="W11" s="58" t="s">
        <v>1</v>
      </c>
      <c r="X11" s="58" t="s">
        <v>1</v>
      </c>
      <c r="Y11" s="58" t="s">
        <v>1</v>
      </c>
      <c r="Z11" s="58" t="s">
        <v>1</v>
      </c>
      <c r="AA11" s="58" t="s">
        <v>1</v>
      </c>
      <c r="AB11" s="58" t="s">
        <v>1</v>
      </c>
      <c r="AC11" s="59" t="s">
        <v>1</v>
      </c>
    </row>
    <row r="12" spans="1:29" ht="14.4" customHeight="1">
      <c r="A12" s="118" t="s">
        <v>279</v>
      </c>
      <c r="B12" s="119"/>
      <c r="C12" s="119"/>
      <c r="D12" s="119"/>
      <c r="E12" s="33" t="s">
        <v>1</v>
      </c>
      <c r="F12" s="33" t="s">
        <v>1</v>
      </c>
      <c r="G12" s="33" t="s">
        <v>1</v>
      </c>
      <c r="H12" s="33" t="s">
        <v>1</v>
      </c>
      <c r="I12" s="33" t="s">
        <v>1</v>
      </c>
      <c r="J12" s="33" t="s">
        <v>1</v>
      </c>
      <c r="K12" s="33" t="s">
        <v>1</v>
      </c>
      <c r="L12" s="33" t="s">
        <v>1</v>
      </c>
      <c r="M12" s="33" t="s">
        <v>1</v>
      </c>
      <c r="N12" s="33" t="s">
        <v>1</v>
      </c>
      <c r="O12" s="33" t="s">
        <v>1</v>
      </c>
      <c r="P12" s="33" t="s">
        <v>1</v>
      </c>
      <c r="Q12" s="120" t="s">
        <v>1</v>
      </c>
      <c r="R12" s="120"/>
      <c r="S12" s="33" t="s">
        <v>1</v>
      </c>
      <c r="T12" s="33" t="s">
        <v>1</v>
      </c>
      <c r="U12" s="33" t="s">
        <v>1</v>
      </c>
      <c r="V12" s="33" t="s">
        <v>1</v>
      </c>
      <c r="W12" s="33" t="s">
        <v>1</v>
      </c>
      <c r="X12" s="33" t="s">
        <v>1</v>
      </c>
      <c r="Y12" s="33" t="s">
        <v>1</v>
      </c>
      <c r="Z12" s="33" t="s">
        <v>1</v>
      </c>
      <c r="AA12" s="33" t="s">
        <v>1</v>
      </c>
      <c r="AB12" s="33" t="s">
        <v>1</v>
      </c>
      <c r="AC12" s="34" t="s">
        <v>1</v>
      </c>
    </row>
    <row r="13" spans="1:29" ht="14.4" customHeight="1">
      <c r="A13" s="35" t="s">
        <v>1</v>
      </c>
      <c r="B13" s="36" t="s">
        <v>1</v>
      </c>
      <c r="C13" s="37" t="s">
        <v>1</v>
      </c>
      <c r="D13" s="38" t="s">
        <v>1</v>
      </c>
      <c r="E13" s="114" t="s">
        <v>262</v>
      </c>
      <c r="F13" s="100"/>
      <c r="G13" s="100"/>
      <c r="H13" s="114" t="s">
        <v>263</v>
      </c>
      <c r="I13" s="100"/>
      <c r="J13" s="100"/>
      <c r="K13" s="114" t="s">
        <v>264</v>
      </c>
      <c r="L13" s="100"/>
      <c r="M13" s="100"/>
      <c r="N13" s="114" t="s">
        <v>265</v>
      </c>
      <c r="O13" s="100"/>
      <c r="P13" s="100"/>
      <c r="Q13" s="100"/>
      <c r="R13" s="100"/>
      <c r="S13" s="114" t="s">
        <v>266</v>
      </c>
      <c r="T13" s="100"/>
      <c r="U13" s="100"/>
      <c r="V13" s="114" t="s">
        <v>267</v>
      </c>
      <c r="W13" s="100"/>
      <c r="X13" s="100"/>
      <c r="Y13" s="114" t="s">
        <v>268</v>
      </c>
      <c r="Z13" s="100"/>
      <c r="AA13" s="100"/>
      <c r="AB13" s="114" t="s">
        <v>269</v>
      </c>
      <c r="AC13" s="115"/>
    </row>
    <row r="14" spans="1:29" ht="25.65" customHeight="1">
      <c r="A14" s="39" t="s">
        <v>78</v>
      </c>
      <c r="B14" s="40" t="s">
        <v>80</v>
      </c>
      <c r="C14" s="41" t="s">
        <v>85</v>
      </c>
      <c r="D14" s="41" t="s">
        <v>270</v>
      </c>
      <c r="E14" s="41" t="s">
        <v>271</v>
      </c>
      <c r="F14" s="41" t="s">
        <v>114</v>
      </c>
      <c r="G14" s="41" t="s">
        <v>115</v>
      </c>
      <c r="H14" s="41" t="s">
        <v>272</v>
      </c>
      <c r="I14" s="41" t="s">
        <v>114</v>
      </c>
      <c r="J14" s="41" t="s">
        <v>115</v>
      </c>
      <c r="K14" s="41" t="s">
        <v>273</v>
      </c>
      <c r="L14" s="41" t="s">
        <v>114</v>
      </c>
      <c r="M14" s="41" t="s">
        <v>115</v>
      </c>
      <c r="N14" s="41" t="s">
        <v>274</v>
      </c>
      <c r="O14" s="41" t="s">
        <v>86</v>
      </c>
      <c r="P14" s="41" t="s">
        <v>114</v>
      </c>
      <c r="Q14" s="116" t="s">
        <v>115</v>
      </c>
      <c r="R14" s="117"/>
      <c r="S14" s="41" t="s">
        <v>275</v>
      </c>
      <c r="T14" s="41" t="s">
        <v>114</v>
      </c>
      <c r="U14" s="41" t="s">
        <v>115</v>
      </c>
      <c r="V14" s="41" t="s">
        <v>276</v>
      </c>
      <c r="W14" s="41" t="s">
        <v>114</v>
      </c>
      <c r="X14" s="41" t="s">
        <v>115</v>
      </c>
      <c r="Y14" s="41" t="s">
        <v>277</v>
      </c>
      <c r="Z14" s="41" t="s">
        <v>114</v>
      </c>
      <c r="AA14" s="41" t="s">
        <v>115</v>
      </c>
      <c r="AB14" s="41" t="s">
        <v>114</v>
      </c>
      <c r="AC14" s="42" t="s">
        <v>115</v>
      </c>
    </row>
    <row r="15" spans="1:29" ht="17.149999999999999" customHeight="1">
      <c r="A15" s="43">
        <v>1</v>
      </c>
      <c r="B15" s="44" t="s">
        <v>100</v>
      </c>
      <c r="C15" s="45">
        <v>0.26666699999999999</v>
      </c>
      <c r="D15" s="46">
        <v>10</v>
      </c>
      <c r="E15" s="47">
        <v>26.392499999999998</v>
      </c>
      <c r="F15" s="47">
        <v>1143.2415659999999</v>
      </c>
      <c r="G15" s="47">
        <v>13718.88</v>
      </c>
      <c r="H15" s="48">
        <v>0.11695985</v>
      </c>
      <c r="I15" s="47">
        <v>133.713359</v>
      </c>
      <c r="J15" s="47">
        <v>1604.52</v>
      </c>
      <c r="K15" s="48">
        <v>4.1000000000000002E-2</v>
      </c>
      <c r="L15" s="47">
        <v>46.731749000000001</v>
      </c>
      <c r="M15" s="47">
        <v>560.76</v>
      </c>
      <c r="N15" s="48">
        <v>8.1033549999999996E-2</v>
      </c>
      <c r="O15" s="48">
        <v>1</v>
      </c>
      <c r="P15" s="47">
        <v>92.994300999999993</v>
      </c>
      <c r="Q15" s="108">
        <v>1115.8800000000001</v>
      </c>
      <c r="R15" s="109"/>
      <c r="S15" s="48">
        <v>7.6999999999999999E-2</v>
      </c>
      <c r="T15" s="47">
        <v>7.1605610000000004</v>
      </c>
      <c r="U15" s="47">
        <v>85.92</v>
      </c>
      <c r="V15" s="48">
        <v>0.1138</v>
      </c>
      <c r="W15" s="47">
        <v>140.230211</v>
      </c>
      <c r="X15" s="47">
        <v>1682.76</v>
      </c>
      <c r="Y15" s="48">
        <v>0</v>
      </c>
      <c r="Z15" s="47">
        <v>0</v>
      </c>
      <c r="AA15" s="47">
        <v>0</v>
      </c>
      <c r="AB15" s="47">
        <v>1564.071747</v>
      </c>
      <c r="AC15" s="49">
        <v>18768.72</v>
      </c>
    </row>
    <row r="16" spans="1:29" ht="17.149999999999999" customHeight="1">
      <c r="A16" s="43">
        <v>2</v>
      </c>
      <c r="B16" s="44" t="s">
        <v>100</v>
      </c>
      <c r="C16" s="45">
        <v>0.26666699999999999</v>
      </c>
      <c r="D16" s="46">
        <v>10</v>
      </c>
      <c r="E16" s="47">
        <v>26.392499999999998</v>
      </c>
      <c r="F16" s="47">
        <v>1143.2415659999999</v>
      </c>
      <c r="G16" s="47">
        <v>13718.88</v>
      </c>
      <c r="H16" s="48">
        <v>0.11695985</v>
      </c>
      <c r="I16" s="47">
        <v>133.713359</v>
      </c>
      <c r="J16" s="47">
        <v>1604.52</v>
      </c>
      <c r="K16" s="48">
        <v>4.1000000000000002E-2</v>
      </c>
      <c r="L16" s="47">
        <v>46.731749000000001</v>
      </c>
      <c r="M16" s="47">
        <v>560.76</v>
      </c>
      <c r="N16" s="48">
        <v>8.1033549999999996E-2</v>
      </c>
      <c r="O16" s="48">
        <v>1</v>
      </c>
      <c r="P16" s="47">
        <v>92.994300999999993</v>
      </c>
      <c r="Q16" s="108">
        <v>1115.8800000000001</v>
      </c>
      <c r="R16" s="109"/>
      <c r="S16" s="48">
        <v>7.6999999999999999E-2</v>
      </c>
      <c r="T16" s="47">
        <v>7.1605610000000004</v>
      </c>
      <c r="U16" s="47">
        <v>85.92</v>
      </c>
      <c r="V16" s="48">
        <v>0.1138</v>
      </c>
      <c r="W16" s="47">
        <v>140.230211</v>
      </c>
      <c r="X16" s="47">
        <v>1682.76</v>
      </c>
      <c r="Y16" s="48">
        <v>0</v>
      </c>
      <c r="Z16" s="47">
        <v>0</v>
      </c>
      <c r="AA16" s="47">
        <v>0</v>
      </c>
      <c r="AB16" s="47">
        <v>1564.071747</v>
      </c>
      <c r="AC16" s="49">
        <v>18768.72</v>
      </c>
    </row>
    <row r="17" spans="1:29" ht="17.149999999999999" customHeight="1">
      <c r="A17" s="50" t="s">
        <v>1</v>
      </c>
      <c r="B17" s="51" t="s">
        <v>280</v>
      </c>
      <c r="C17" s="52">
        <v>0.53333399999999997</v>
      </c>
      <c r="D17" s="53">
        <v>20</v>
      </c>
      <c r="E17" s="54"/>
      <c r="F17" s="54">
        <v>2286.4831319999998</v>
      </c>
      <c r="G17" s="54">
        <v>27437.759999999998</v>
      </c>
      <c r="H17" s="55"/>
      <c r="I17" s="54">
        <v>267.42671799999999</v>
      </c>
      <c r="J17" s="54">
        <v>3209.04</v>
      </c>
      <c r="K17" s="55"/>
      <c r="L17" s="54">
        <v>93.463498000000001</v>
      </c>
      <c r="M17" s="54">
        <v>1121.52</v>
      </c>
      <c r="N17" s="55"/>
      <c r="O17" s="55"/>
      <c r="P17" s="54">
        <v>185.98860199999999</v>
      </c>
      <c r="Q17" s="110">
        <v>2231.7600000000002</v>
      </c>
      <c r="R17" s="111"/>
      <c r="S17" s="55"/>
      <c r="T17" s="54">
        <v>14.321122000000001</v>
      </c>
      <c r="U17" s="54">
        <v>171.84</v>
      </c>
      <c r="V17" s="55"/>
      <c r="W17" s="54">
        <v>280.46042199999999</v>
      </c>
      <c r="X17" s="54">
        <v>3365.52</v>
      </c>
      <c r="Y17" s="55"/>
      <c r="Z17" s="54">
        <v>0</v>
      </c>
      <c r="AA17" s="54">
        <v>0</v>
      </c>
      <c r="AB17" s="54">
        <v>3128.1434939999999</v>
      </c>
      <c r="AC17" s="56">
        <v>37537.440000000002</v>
      </c>
    </row>
    <row r="18" spans="1:29" ht="17.149999999999999" customHeight="1">
      <c r="A18" s="50" t="s">
        <v>1</v>
      </c>
      <c r="B18" s="51" t="s">
        <v>281</v>
      </c>
      <c r="C18" s="52">
        <v>0.56000099999999997</v>
      </c>
      <c r="D18" s="53">
        <v>21</v>
      </c>
      <c r="E18" s="54"/>
      <c r="F18" s="54">
        <v>2416.994784</v>
      </c>
      <c r="G18" s="54">
        <v>29003.88</v>
      </c>
      <c r="H18" s="55"/>
      <c r="I18" s="54">
        <v>282.69658099999998</v>
      </c>
      <c r="J18" s="54">
        <v>3392.28</v>
      </c>
      <c r="K18" s="55"/>
      <c r="L18" s="54">
        <v>98.814475999999999</v>
      </c>
      <c r="M18" s="54">
        <v>1185.72</v>
      </c>
      <c r="N18" s="55"/>
      <c r="O18" s="55"/>
      <c r="P18" s="54">
        <v>185.98860199999999</v>
      </c>
      <c r="Q18" s="110">
        <v>2231.7600000000002</v>
      </c>
      <c r="R18" s="111"/>
      <c r="S18" s="55"/>
      <c r="T18" s="54">
        <v>14.321122000000001</v>
      </c>
      <c r="U18" s="54">
        <v>171.84</v>
      </c>
      <c r="V18" s="55"/>
      <c r="W18" s="54">
        <v>295.30612200000002</v>
      </c>
      <c r="X18" s="54">
        <v>3543.72</v>
      </c>
      <c r="Y18" s="55"/>
      <c r="Z18" s="54">
        <v>0</v>
      </c>
      <c r="AA18" s="54">
        <v>0</v>
      </c>
      <c r="AB18" s="54">
        <v>3294.1216869999998</v>
      </c>
      <c r="AC18" s="56">
        <v>39529.199999999997</v>
      </c>
    </row>
    <row r="19" spans="1:29" ht="14.4" customHeight="1">
      <c r="A19" s="57" t="s">
        <v>1</v>
      </c>
      <c r="B19" s="57" t="s">
        <v>1</v>
      </c>
      <c r="C19" s="58" t="s">
        <v>1</v>
      </c>
      <c r="D19" s="58" t="s">
        <v>1</v>
      </c>
      <c r="E19" s="58" t="s">
        <v>1</v>
      </c>
      <c r="F19" s="58" t="s">
        <v>1</v>
      </c>
      <c r="G19" s="58" t="s">
        <v>1</v>
      </c>
      <c r="H19" s="58" t="s">
        <v>1</v>
      </c>
      <c r="I19" s="58" t="s">
        <v>1</v>
      </c>
      <c r="J19" s="58" t="s">
        <v>1</v>
      </c>
      <c r="K19" s="58" t="s">
        <v>1</v>
      </c>
      <c r="L19" s="58" t="s">
        <v>1</v>
      </c>
      <c r="M19" s="58" t="s">
        <v>1</v>
      </c>
      <c r="N19" s="58" t="s">
        <v>1</v>
      </c>
      <c r="O19" s="58" t="s">
        <v>1</v>
      </c>
      <c r="P19" s="58" t="s">
        <v>1</v>
      </c>
      <c r="Q19" s="112" t="s">
        <v>1</v>
      </c>
      <c r="R19" s="113"/>
      <c r="S19" s="58" t="s">
        <v>1</v>
      </c>
      <c r="T19" s="58" t="s">
        <v>1</v>
      </c>
      <c r="U19" s="58" t="s">
        <v>1</v>
      </c>
      <c r="V19" s="58" t="s">
        <v>1</v>
      </c>
      <c r="W19" s="58" t="s">
        <v>1</v>
      </c>
      <c r="X19" s="58" t="s">
        <v>1</v>
      </c>
      <c r="Y19" s="58" t="s">
        <v>1</v>
      </c>
      <c r="Z19" s="58" t="s">
        <v>1</v>
      </c>
      <c r="AA19" s="58" t="s">
        <v>1</v>
      </c>
      <c r="AB19" s="58" t="s">
        <v>1</v>
      </c>
      <c r="AC19" s="59" t="s">
        <v>1</v>
      </c>
    </row>
  </sheetData>
  <mergeCells count="33">
    <mergeCell ref="R2:AC2"/>
    <mergeCell ref="A1:C3"/>
    <mergeCell ref="A5:AC5"/>
    <mergeCell ref="A6:D6"/>
    <mergeCell ref="Q6:R6"/>
    <mergeCell ref="E7:G7"/>
    <mergeCell ref="H7:J7"/>
    <mergeCell ref="K7:M7"/>
    <mergeCell ref="N7:R7"/>
    <mergeCell ref="S7:U7"/>
    <mergeCell ref="V7:X7"/>
    <mergeCell ref="Y7:AA7"/>
    <mergeCell ref="AB7:AC7"/>
    <mergeCell ref="Q8:R8"/>
    <mergeCell ref="Q9:R9"/>
    <mergeCell ref="Q10:R10"/>
    <mergeCell ref="Q11:R11"/>
    <mergeCell ref="A12:D12"/>
    <mergeCell ref="Q12:R12"/>
    <mergeCell ref="E13:G13"/>
    <mergeCell ref="H13:J13"/>
    <mergeCell ref="K13:M13"/>
    <mergeCell ref="N13:R13"/>
    <mergeCell ref="S13:U13"/>
    <mergeCell ref="V13:X13"/>
    <mergeCell ref="Y13:AA13"/>
    <mergeCell ref="AB13:AC13"/>
    <mergeCell ref="Q14:R14"/>
    <mergeCell ref="Q15:R15"/>
    <mergeCell ref="Q16:R16"/>
    <mergeCell ref="Q17:R17"/>
    <mergeCell ref="Q18:R18"/>
    <mergeCell ref="Q19:R19"/>
  </mergeCells>
  <pageMargins left="0.23000000417232513" right="0.23000000417232513" top="0.19685038924217224" bottom="0.19685038924217224" header="0" footer="0"/>
  <pageSetup paperSize="0" orientation="landscape"/>
  <headerFooter>
    <oddFooter>&amp;R&amp;"Calibri"&amp;9 Page 1 of 1</oddFooter>
  </headerFooter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J14"/>
  <sheetViews>
    <sheetView showGridLines="0" workbookViewId="0">
      <pane ySplit="5" topLeftCell="A6" activePane="bottomLeft" state="frozenSplit"/>
      <selection pane="bottomLeft" sqref="A1:A3"/>
    </sheetView>
  </sheetViews>
  <sheetFormatPr defaultRowHeight="15" customHeight="1"/>
  <cols>
    <col min="1" max="1" width="20.81640625" customWidth="1"/>
    <col min="2" max="2" width="1.90625" customWidth="1"/>
    <col min="3" max="3" width="13.6328125" customWidth="1"/>
    <col min="4" max="4" width="13" customWidth="1"/>
    <col min="5" max="5" width="3.453125" customWidth="1"/>
    <col min="6" max="6" width="7.54296875" customWidth="1"/>
    <col min="7" max="7" width="25.36328125" customWidth="1"/>
    <col min="8" max="8" width="5.54296875" customWidth="1"/>
    <col min="9" max="9" width="18.36328125" customWidth="1"/>
    <col min="10" max="10" width="0.453125" customWidth="1"/>
  </cols>
  <sheetData>
    <row r="1" spans="1:10" ht="18.899999999999999" customHeight="1">
      <c r="A1" s="72"/>
      <c r="B1" s="1"/>
      <c r="C1" s="1"/>
      <c r="D1" s="1"/>
      <c r="E1" s="1"/>
      <c r="F1" s="1"/>
      <c r="G1" s="1"/>
      <c r="H1" s="1"/>
      <c r="I1" s="1"/>
      <c r="J1" s="1"/>
    </row>
    <row r="2" spans="1:10" ht="23.5" customHeight="1">
      <c r="A2" s="72"/>
      <c r="B2" s="1"/>
      <c r="C2" s="1"/>
      <c r="D2" s="1"/>
      <c r="E2" s="73" t="s">
        <v>282</v>
      </c>
      <c r="F2" s="73"/>
      <c r="G2" s="73"/>
      <c r="H2" s="73"/>
      <c r="I2" s="73"/>
      <c r="J2" s="73"/>
    </row>
    <row r="3" spans="1:10" ht="17" customHeight="1">
      <c r="A3" s="72"/>
      <c r="B3" s="1"/>
      <c r="C3" s="1"/>
      <c r="D3" s="1"/>
      <c r="E3" s="1"/>
      <c r="F3" s="1"/>
      <c r="G3" s="1"/>
      <c r="H3" s="1"/>
      <c r="I3" s="1"/>
      <c r="J3" s="1"/>
    </row>
    <row r="4" spans="1:10" ht="5.4" customHeight="1">
      <c r="A4" s="1"/>
      <c r="B4" s="1"/>
      <c r="C4" s="1"/>
      <c r="D4" s="1"/>
      <c r="E4" s="1"/>
      <c r="F4" s="1"/>
      <c r="G4" s="1"/>
      <c r="H4" s="1"/>
      <c r="I4" s="1"/>
      <c r="J4" s="1"/>
    </row>
    <row r="5" spans="1:10" ht="17" customHeight="1">
      <c r="A5" s="74" t="s">
        <v>1</v>
      </c>
      <c r="B5" s="74"/>
      <c r="C5" s="74"/>
      <c r="D5" s="74"/>
      <c r="E5" s="74"/>
      <c r="F5" s="74"/>
      <c r="G5" s="74"/>
      <c r="H5" s="74"/>
      <c r="I5" s="74"/>
      <c r="J5" s="74"/>
    </row>
    <row r="6" spans="1:10" ht="30" customHeight="1">
      <c r="A6" s="63" t="s">
        <v>283</v>
      </c>
      <c r="B6" s="63"/>
      <c r="C6" s="2" t="s">
        <v>1</v>
      </c>
      <c r="D6" s="63" t="s">
        <v>1</v>
      </c>
      <c r="E6" s="63"/>
      <c r="F6" s="2" t="s">
        <v>1</v>
      </c>
      <c r="G6" s="3" t="s">
        <v>1</v>
      </c>
      <c r="H6" s="4" t="s">
        <v>1</v>
      </c>
      <c r="I6" s="5" t="s">
        <v>1</v>
      </c>
      <c r="J6" s="1"/>
    </row>
    <row r="7" spans="1:10" ht="28.5" customHeight="1">
      <c r="A7" s="67" t="s">
        <v>284</v>
      </c>
      <c r="B7" s="67"/>
      <c r="C7" s="6" t="s">
        <v>1</v>
      </c>
      <c r="D7" s="67" t="s">
        <v>1</v>
      </c>
      <c r="E7" s="67"/>
      <c r="F7" s="6" t="s">
        <v>1</v>
      </c>
      <c r="G7" s="6" t="s">
        <v>285</v>
      </c>
      <c r="H7" s="7" t="s">
        <v>1</v>
      </c>
      <c r="I7" s="6" t="s">
        <v>286</v>
      </c>
      <c r="J7" s="1"/>
    </row>
    <row r="8" spans="1:10" ht="18" customHeight="1">
      <c r="A8" s="121">
        <v>3590.59</v>
      </c>
      <c r="B8" s="121"/>
      <c r="C8" s="61" t="s">
        <v>1</v>
      </c>
      <c r="D8" s="122" t="s">
        <v>1</v>
      </c>
      <c r="E8" s="122"/>
      <c r="F8" s="61" t="s">
        <v>287</v>
      </c>
      <c r="G8" s="62">
        <v>83.311785709999995</v>
      </c>
      <c r="H8" s="61" t="s">
        <v>288</v>
      </c>
      <c r="I8" s="60">
        <v>43.098223969999999</v>
      </c>
      <c r="J8" s="1"/>
    </row>
    <row r="9" spans="1:10" ht="17.899999999999999" customHeight="1">
      <c r="A9" s="63" t="s">
        <v>1</v>
      </c>
      <c r="B9" s="63"/>
      <c r="C9" s="2" t="s">
        <v>1</v>
      </c>
      <c r="D9" s="63" t="s">
        <v>1</v>
      </c>
      <c r="E9" s="63"/>
      <c r="F9" s="2" t="s">
        <v>1</v>
      </c>
      <c r="G9" s="5" t="s">
        <v>1</v>
      </c>
      <c r="H9" s="8" t="s">
        <v>1</v>
      </c>
      <c r="I9" s="5" t="s">
        <v>1</v>
      </c>
      <c r="J9" s="1"/>
    </row>
    <row r="10" spans="1:10" ht="30" customHeight="1">
      <c r="A10" s="63" t="s">
        <v>289</v>
      </c>
      <c r="B10" s="63"/>
      <c r="C10" s="63"/>
      <c r="D10" s="63" t="s">
        <v>1</v>
      </c>
      <c r="E10" s="63"/>
      <c r="F10" s="2" t="s">
        <v>1</v>
      </c>
      <c r="G10" s="5" t="s">
        <v>1</v>
      </c>
      <c r="H10" s="8" t="s">
        <v>1</v>
      </c>
      <c r="I10" s="5" t="s">
        <v>1</v>
      </c>
      <c r="J10" s="1"/>
    </row>
    <row r="11" spans="1:10" ht="28.4" customHeight="1">
      <c r="A11" s="67" t="s">
        <v>290</v>
      </c>
      <c r="B11" s="67"/>
      <c r="C11" s="6" t="s">
        <v>1</v>
      </c>
      <c r="D11" s="67" t="s">
        <v>291</v>
      </c>
      <c r="E11" s="67"/>
      <c r="F11" s="6" t="s">
        <v>1</v>
      </c>
      <c r="G11" s="6" t="s">
        <v>285</v>
      </c>
      <c r="H11" s="6" t="s">
        <v>1</v>
      </c>
      <c r="I11" s="6" t="s">
        <v>292</v>
      </c>
      <c r="J11" s="1"/>
    </row>
    <row r="12" spans="1:10" ht="18" customHeight="1">
      <c r="A12" s="121">
        <v>2906.6775659999998</v>
      </c>
      <c r="B12" s="121"/>
      <c r="C12" s="61" t="s">
        <v>293</v>
      </c>
      <c r="D12" s="103">
        <v>221.46592799999999</v>
      </c>
      <c r="E12" s="103"/>
      <c r="F12" s="61" t="s">
        <v>287</v>
      </c>
      <c r="G12" s="62">
        <v>83.311785709999995</v>
      </c>
      <c r="H12" s="61" t="s">
        <v>288</v>
      </c>
      <c r="I12" s="60">
        <v>37.547388679999997</v>
      </c>
      <c r="J12" s="1"/>
    </row>
    <row r="13" spans="1:10" ht="17.899999999999999" customHeight="1">
      <c r="A13" s="67" t="s">
        <v>1</v>
      </c>
      <c r="B13" s="67"/>
      <c r="C13" s="6" t="s">
        <v>1</v>
      </c>
      <c r="D13" s="67" t="s">
        <v>1</v>
      </c>
      <c r="E13" s="67"/>
      <c r="F13" s="6" t="s">
        <v>1</v>
      </c>
      <c r="G13" s="7" t="s">
        <v>1</v>
      </c>
      <c r="H13" s="6" t="s">
        <v>1</v>
      </c>
      <c r="I13" s="7" t="s">
        <v>1</v>
      </c>
      <c r="J13" s="1"/>
    </row>
    <row r="14" spans="1:10" ht="290.39999999999998" customHeight="1">
      <c r="A14" s="1"/>
      <c r="B14" s="1"/>
      <c r="C14" s="1"/>
      <c r="D14" s="1"/>
      <c r="E14" s="1"/>
      <c r="F14" s="1"/>
      <c r="G14" s="1"/>
      <c r="H14" s="1"/>
      <c r="I14" s="1"/>
      <c r="J14" s="1"/>
    </row>
  </sheetData>
  <mergeCells count="19">
    <mergeCell ref="A1:A3"/>
    <mergeCell ref="E2:J2"/>
    <mergeCell ref="A5:J5"/>
    <mergeCell ref="A6:B6"/>
    <mergeCell ref="D6:E6"/>
    <mergeCell ref="A7:B7"/>
    <mergeCell ref="D7:E7"/>
    <mergeCell ref="A8:B8"/>
    <mergeCell ref="D8:E8"/>
    <mergeCell ref="A9:B9"/>
    <mergeCell ref="D9:E9"/>
    <mergeCell ref="A13:B13"/>
    <mergeCell ref="D13:E13"/>
    <mergeCell ref="A10:C10"/>
    <mergeCell ref="D10:E10"/>
    <mergeCell ref="A11:B11"/>
    <mergeCell ref="D11:E11"/>
    <mergeCell ref="A12:B12"/>
    <mergeCell ref="D12:E12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Header</vt:lpstr>
      <vt:lpstr>Staffing Schedule</vt:lpstr>
      <vt:lpstr>Funding</vt:lpstr>
      <vt:lpstr>Wage &amp; Benefit Calc.</vt:lpstr>
      <vt:lpstr>Misc. Rat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blett, Catherine CLBC:EX</dc:creator>
  <cp:lastModifiedBy>Serraf, Joanne CLBC:EX</cp:lastModifiedBy>
  <dcterms:created xsi:type="dcterms:W3CDTF">2022-10-25T21:03:41Z</dcterms:created>
  <dcterms:modified xsi:type="dcterms:W3CDTF">2023-03-03T19:48:33Z</dcterms:modified>
</cp:coreProperties>
</file>